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4663F" w:rsidRPr="00AF4657" w:rsidRDefault="00E4663F" w:rsidP="00E4663F">
      <w:pPr>
        <w:pStyle w:val="a3"/>
        <w:rPr>
          <w:rFonts w:ascii="Courier New" w:hAnsi="Courier New" w:cs="Courier New"/>
        </w:rPr>
      </w:pPr>
      <w:r w:rsidRPr="00AF4657">
        <w:rPr>
          <w:rFonts w:ascii="Courier New" w:hAnsi="Courier New" w:cs="Courier New"/>
        </w:rPr>
        <w:t>{\rtf1\adeflang10</w:t>
      </w:r>
      <w:r>
        <w:rPr>
          <w:rFonts w:ascii="Courier New" w:hAnsi="Courier New" w:cs="Courier New"/>
        </w:rPr>
        <w:t>4</w:t>
      </w:r>
      <w:r>
        <w:rPr>
          <w:rFonts w:ascii="Courier New" w:hAnsi="Courier New" w:cs="Courier New"/>
        </w:rPr>
        <w:t>2</w:t>
      </w:r>
      <w:bookmarkStart w:id="0" w:name="_GoBack"/>
      <w:bookmarkEnd w:id="0"/>
      <w:r w:rsidRPr="00AF4657">
        <w:rPr>
          <w:rFonts w:ascii="Courier New" w:hAnsi="Courier New" w:cs="Courier New"/>
        </w:rPr>
        <w:t>\ansi\ansicpg1251\uc1\adeff0\deff0\stshfdbch31505\stshfloch31506\stshfhich31506\stshfbi0\deflang1049\deflangfe1049\themelang1049\themelangfe0\themelangcs0{\fonttbl{\f0\fbidi \froman\fcharset204\fprq2{\*\panose 02020603050405020304}Times New Roman;}{\f1\fbidi \fswiss\fcharset204\fprq2{\*\panose 020b0604020202020204}Arial;}</w:t>
      </w:r>
    </w:p>
    <w:p w:rsidR="00E4663F" w:rsidRPr="00AF4657" w:rsidRDefault="00E4663F" w:rsidP="00E4663F">
      <w:pPr>
        <w:pStyle w:val="a3"/>
        <w:rPr>
          <w:rFonts w:ascii="Courier New" w:hAnsi="Courier New" w:cs="Courier New"/>
        </w:rPr>
      </w:pPr>
      <w:r w:rsidRPr="00AF4657">
        <w:rPr>
          <w:rFonts w:ascii="Courier New" w:hAnsi="Courier New" w:cs="Courier New"/>
        </w:rPr>
        <w:t>{\f34\fbidi \froman\fcharset204\fprq2{\*\panose 02040503050406030204}Cambria Math;}{\f37\fbidi \fswiss\fcharset204\fprq2{\*\panose 020f0502020204030204}Calibri;}{\f67\fbidi \froman\fcharset204\fprq2{\*\panose 02040602050305030304}Book Antiqua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lomajor\f31500\fbidi \froman\fcharset204\fprq2{\*\panose 02020603050405020304}Times New Roman;}{\fdbmajor\f31501\fbidi \froman\fcharset204\fprq2{\*\panose 02020603050405020304}Times New Roman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himajor\f31502\fbidi \froman\fcharset204\fprq2{\*\panose 02040503050406030204}Cambria;}{\fbimajor\f31503\fbidi \froman\fcharset204\fprq2{\*\panose 02020603050405020304}Times New Roman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lominor\f31504\fbidi \froman\fcharset204\fprq2{\*\panose 02020603050405020304}Times New Roman;}{\fdbminor\f31505\fbidi \froman\fcharset204\fprq2{\*\panose 02020603050405020304}Times New Roman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himinor\f31506\fbidi \fswiss\fcharset204\fprq2{\*\panose 020f0502020204030204}Calibri;}{\fbiminor\f31507\fbidi \froman\fcharset204\fprq2{\*\panose 02020603050405020304}Times New Roman;}{\f135\fbidi \froman\fcharset0\fprq2 Times New Roman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133\fbidi \froman\fcharset238\fprq2 Times New Roman CE;}{\f136\fbidi \froman\fcharset161\fprq2 Times New Roman Greek;}{\f137\fbidi \froman\fcharset162\fprq2 Times New Roman Tur;}{\f138\fbidi \froman\fcharset177\fprq2 Times New Roman (Hebrew)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139\fbidi \froman\fcharset178\fprq2 Times New Roman (Arabic);}{\f140\fbidi \froman\fcharset186\fprq2 Times New Roman Baltic;}{\f141\fbidi \froman\fcharset163\fprq2 Times New Roman (Vietnamese);}{\f145\fbidi \fswiss\fcharset0\fprq2 Arial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143\fbidi \fswiss\fcharset238\fprq2 Arial CE;}{\f146\fbidi \fswiss\fcharset161\fprq2 Arial Greek;}{\f147\fbidi \fswiss\fcharset162\fprq2 Arial Tur;}{\f148\fbidi \fswiss\fcharset177\fprq2 Arial (Hebrew)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149\fbidi \fswiss\fcharset178\fprq2 Arial (Arabic);}{\f150\fbidi \fswiss\fcharset186\fprq2 Arial Baltic;}{\f151\fbidi \fswiss\fcharset163\fprq2 Arial (Vietnamese);}{\f475\fbidi \froman\fcharset0\fprq2 Cambria Math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473\fbidi \froman\fcharset238\fprq2 Cambria Math CE;}{\f476\fbidi \froman\fcharset161\fprq2 Cambria Math Greek;}{\f477\fbidi \froman\fcharset162\fprq2 Cambria Math Tur;}{\f480\fbidi \froman\fcharset186\fprq2 Cambria Math Baltic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481\fbidi \froman\fcharset163\fprq2 Cambria Math (Vietnamese);}{\f505\fbidi \fswiss\fcharset0\fprq2 Calibri;}{\f503\fbidi \fswiss\fcharset238\fprq2 Calibri CE;}{\f506\fbidi \fswiss\fcharset161\fprq2 Calibri Greek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507\fbidi \fswiss\fcharset162\fprq2 Calibri Tur;}{\f510\fbidi \fswiss\fcharset186\fprq2 Calibri Baltic;}{\f511\fbidi \fswiss\fcharset163\fprq2 Calibri (Vietnamese);}{\f805\fbidi \froman\fcharset0\fprq2 Book Antiqua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803\fbidi \froman\fcharset238\fprq2 Book Antiqua CE;}{\f806\fbidi \froman\fcharset161\fprq2 Book Antiqua Greek;}{\f807\fbidi \froman\fcharset162\fprq2 Book Antiqua Tur;}{\f810\fbidi \froman\fcharset186\fprq2 Book Antiqua Baltic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 xml:space="preserve">{\flomajor\f31510\fbidi \froman\fcharset0\fprq2 Times New Roman;}{\flomajor\f31508\fbidi \froman\fcharset238\fprq2 Times New Roman </w:t>
      </w:r>
      <w:r w:rsidRPr="000031EF">
        <w:rPr>
          <w:rFonts w:ascii="Courier New" w:hAnsi="Courier New" w:cs="Courier New"/>
          <w:lang w:val="en-US"/>
        </w:rPr>
        <w:lastRenderedPageBreak/>
        <w:t>CE;}{\flomajor\f31511\fbidi \froman\fcharset161\fprq2 Times New Roman Greek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lomajor\f31512\fbidi \froman\fcharset162\fprq2 Times New Roman Tur;}{\flomajor\f31513\fbidi \froman\fcharset177\fprq2 Times New Roman (Hebrew);}{\flomajor\f31514\fbidi \froman\fcharset178\fprq2 Times New Roman (Arabic)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lomajor\f31515\fbidi \froman\fcharset186\fprq2 Times New Roman Baltic;}{\flomajor\f31516\fbidi \froman\fcharset163\fprq2 Times New Roman (Vietnamese);}{\fdbmajor\f31520\fbidi \froman\fcharset0\fprq2 Times New Roman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dbmajor\f31518\fbidi \froman\fcharset238\fprq2 Times New Roman CE;}{\fdbmajor\f31521\fbidi \froman\fcharset161\fprq2 Times New Roman Greek;}{\fdbmajor\f31522\fbidi \froman\fcharset162\fprq2 Times New Roman Tur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dbmajor\f31523\fbidi \froman\fcharset177\fprq2 Times New Roman (Hebrew);}{\fdbmajor\f31524\fbidi \froman\fcharset178\fprq2 Times New Roman (Arabic);}{\fdbmajor\f31525\fbidi \froman\fcharset186\fprq2 Times New Roman Baltic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dbmajor\f31526\fbidi \froman\fcharset163\fprq2 Times New Roman (Vietnamese);}{\fhimajor\f31530\fbidi \froman\fcharset0\fprq2 Cambria;}{\fhimajor\f31528\fbidi \froman\fcharset238\fprq2 Cambria CE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himajor\f31531\fbidi \froman\fcharset161\fprq2 Cambria Greek;}{\fhimajor\f31532\fbidi \froman\fcharset162\fprq2 Cambria Tur;}{\fhimajor\f31535\fbidi \froman\fcharset186\fprq2 Cambria Baltic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himajor\f31536\fbidi \froman\fcharset163\fprq2 Cambria (Vietnamese);}{\fbimajor\f31540\fbidi \froman\fcharset0\fprq2 Times New Roman;}{\fbimajor\f31538\fbidi \froman\fcharset238\fprq2 Times New Roman CE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bimajor\f31541\fbidi \froman\fcharset161\fprq2 Times New Roman Greek;}{\fbimajor\f31542\fbidi \froman\fcharset162\fprq2 Times New Roman Tur;}{\fbimajor\f31543\fbidi \froman\fcharset177\fprq2 Times New Roman (Hebrew)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bimajor\f31544\fbidi \froman\fcharset178\fprq2 Times New Roman (Arabic);}{\fbimajor\f31545\fbidi \froman\fcharset186\fprq2 Times New Roman Baltic;}{\fbimajor\f31546\fbidi \froman\fcharset163\fprq2 Times New Roman (Vietnamese)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lominor\f31550\fbidi \froman\fcharset0\fprq2 Times New Roman;}{\flominor\f31548\fbidi \froman\fcharset238\fprq2 Times New Roman CE;}{\flominor\f31551\fbidi \froman\fcharset161\fprq2 Times New Roman Greek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lominor\f31552\fbidi \froman\fcharset162\fprq2 Times New Roman Tur;}{\flominor\f31553\fbidi \froman\fcharset177\fprq2 Times New Roman (Hebrew);}{\flominor\f31554\fbidi \froman\fcharset178\fprq2 Times New Roman (Arabic)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lominor\f31555\fbidi \froman\fcharset186\fprq2 Times New Roman Baltic;}{\flominor\f31556\fbidi \froman\fcharset163\fprq2 Times New Roman (Vietnamese);}{\fdbminor\f31560\fbidi \froman\fcharset0\fprq2 Times New Roman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dbminor\f31558\fbidi \froman\fcharset238\fprq2 Times New Roman CE;}{\fdbminor\f31561\fbidi \froman\fcharset161\fprq2 Times New Roman Greek;}{\fdbminor\f31562\fbidi \froman\fcharset162\fprq2 Times New Roman Tur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dbminor\f31563\fbidi \froman\fcharset177\fprq2 Times New Roman (Hebrew);}{\fdbminor\f31564\fbidi \froman\fcharset178\fprq2 Times New Roman (Arabic);}{\fdbminor\f31565\fbidi \froman\fcharset186\fprq2 Times New Roman Baltic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dbminor\f31566\fbidi \froman\fcharset163\fprq2 Times New Roman (Vietnamese);}{\fhiminor\f31570\fbidi \fswiss\fcharset0\fprq2 Calibri;}{\fhiminor\f31568\fbidi \fswiss\fcharset238\fprq2 Calibri CE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lastRenderedPageBreak/>
        <w:t>{\fhiminor\f31571\fbidi \fswiss\fcharset161\fprq2 Calibri Greek;}{\fhiminor\f31572\fbidi \fswiss\fcharset162\fprq2 Calibri Tur;}{\fhiminor\f31575\fbidi \fswiss\fcharset186\fprq2 Calibri Baltic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himinor\f31576\fbidi \fswiss\fcharset163\fprq2 Calibri (Vietnamese);}{\fbiminor\f31580\fbidi \froman\fcharset0\fprq2 Times New Roman;}{\fbiminor\f31578\fbidi \froman\fcharset238\fprq2 Times New Roman CE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biminor\f31581\fbidi \froman\fcharset161\fprq2 Times New Roman Greek;}{\fbiminor\f31582\fbidi \froman\fcharset162\fprq2 Times New Roman Tur;}{\fbiminor\f31583\fbidi \froman\fcharset177\fprq2 Times New Roman (Hebrew)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fbiminor\f31584\fbidi \froman\fcharset178\fprq2 Times New Roman (Arabic);}{\fbiminor\f31585\fbidi \froman\fcharset186\fprq2 Times New Roman Baltic;}{\fbiminor\f31586\fbidi \froman\fcharset163\fprq2 Times New Roman (Vietnamese);}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colortbl;\red0\green0\blue0;\red0\green0\blue255;\red0\green255\blue255;\red0\green255\blue0;\red255\green0\blue255;\red255\green0\blue0;\red255\green255\blue0;\red255\green255\blue255;\red0\green0\blue128;\red0\green128\blue128;\red0\green128\blue0;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ed128\green0\blue128;\red128\green0\blue0;\red128\green128\blue0;\red128\green128\blue128;\red192\green192\blue192;\red255\green255\blue255;}{\*\defchp \fs22\loch\af31506\hich\af31506\dbch\af31505 }{\*\defpap \ql \li0\ri0\sa200\sl276\slmult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 xml:space="preserve">\widctlpar\wrapdefault\aspalpha\aspnum\faauto\adjustright\rin0\lin0\itap0 }\noqfpromote {\stylesheet{\ql \li0\ri0\sa200\sl276\slmult1\widctlpar\wrapdefault\aspalpha\aspnum\faauto\adjustright\rin0\lin0\itap0 \rtlch\fcs1 \af0\afs22\alang1025 \ltrch\fcs0 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fs22\lang1049\langfe1049\loch\f31506\hich\af31506\dbch\af31505\cgrid\langnp1049\langfenp1049 \snext0 \sqformat \spriority0 Normal;}{\*\cs10 \additive \ssemihidden \sunhideused \spriority1 Default Paragraph Font;}{\*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ts11\tsrowd\trftsWidthB3\trpaddl108\trpaddr108\trpaddfl3\trpaddft3\trpaddfb3\trpaddfr3\tblind0\tblindtype3\tsvertalt\tsbrdrt\tsbrdrl\tsbrdrb\tsbrdrr\tsbrdrdgl\tsbrdrdgr\tsbrdrh\tsbrdrv \ql \li0\ri0\sa200\sl276\slmult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 xml:space="preserve">\widctlpar\wrapdefault\aspalpha\aspnum\faauto\adjustright\rin0\lin0\itap0 \rtlch\fcs1 \af0\afs22\alang1025 \ltrch\fcs0 \fs22\lang1049\langfe1049\loch\f31506\hich\af31506\dbch\af31505\cgrid\langnp1049\langfenp1049 \snext11 \ssemihidden \sunhideused 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 xml:space="preserve">Normal Table;}{\*\cs15 \additive \rtlch\fcs1 \af1\afs36 \ltrch\fcs0 \f1\fs36 \sbasedon10 \styrsid1051230 Font Style26;}{\s16\qj \li0\ri0\sl-428\slmult0\nowidctlpar\wrapdefault\faauto\rin0\lin0\itap0 \rtlch\fcs1 \af1\afs24\alang1025 \ltrch\fcs0 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 xml:space="preserve">\fs24\lang1049\langfe1049\loch\f1\hich\af1\dbch\af31505\cgrid\langnp1049\langfenp1049 \sbasedon0 \snext16 \styrsid1051230 Style6;}{\s17\ql \li0\ri0\nowidctlpar\wrapdefault\faauto\rin0\lin0\itap0 \rtlch\fcs1 \af1\afs24\alang1025 \ltrch\fcs0 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fs24\lang1049\langfe1049\loch\f1\hich\af1\dbch\af31505\cgrid\langnp1049\langfenp1049 \sbasedon0 \snext17 \styrsid1051230 Style18;}{\*\cs18 \additive \rtlch\fcs1 \ab\af67\afs12 \ltrch\fcs0 \b\f67\fs12 \sbasedon10 \styrsid1051230 Font Style31;}{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s19\ql \li0\ri0\nowidctlpar\wrapdefault\faauto\rin0\lin0\itap0 \rtlch\fcs1 \af1\afs24\alang1025 \ltrch\fcs0 \fs24\lang1049\langfe1049\loch\f1\hich\af1\dbch\af31505\cgrid\langnp1049\langfenp1049 \sbasedon0 \snext19 \styrsid1051230 Style9;}{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s20\ql \li0\ri0\nowidctlpar\wrapdefault\faauto\rin0\lin0\itap0 \rtlch\fcs1 \af1\afs24\alang1025 \ltrch\fcs0 \fs24\lang1049\langfe1049\loch\f1\hich\af1\dbch\af31505\cgrid\langnp1049\langfenp1049 \sbasedon0 \snext20 \styrsid1051230 Style13;}{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 xml:space="preserve">\s21\ql \li0\ri0\nowidctlpar\wrapdefault\faauto\rin0\lin0\itap0 \rtlch\fcs1 \af1\afs24\alang1025 \ltrch\fcs0 </w:t>
      </w:r>
      <w:r w:rsidRPr="000031EF">
        <w:rPr>
          <w:rFonts w:ascii="Courier New" w:hAnsi="Courier New" w:cs="Courier New"/>
          <w:lang w:val="en-US"/>
        </w:rPr>
        <w:lastRenderedPageBreak/>
        <w:t>\fs24\lang1049\langfe1049\loch\f1\hich\af1\dbch\af31505\cgrid\langnp1049\langfenp1049 \sbasedon0 \snext21 \styrsid1051230 Style14;}{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s22\qc \li0\ri0\sl-432\slmult0\nowidctlpar\wrapdefault\faauto\rin0\lin0\itap0 \rtlch\fcs1 \af1\afs24\alang1025 \ltrch\fcs0 \fs24\lang1049\langfe1049\loch\f1\hich\af1\dbch\af31505\cgrid\langnp1049\langfenp1049 \sbasedon0 \snext22 \styrsid1051230 Style17;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s23\ql \li0\ri0\nowidctlpar\wrapdefault\faauto\rin0\lin0\itap0 \rtlch\fcs1 \af1\afs24\alang1025 \ltrch\fcs0 \fs24\lang1049\langfe1049\loch\f1\hich\af1\dbch\af31505\cgrid\langnp1049\langfenp1049 \sbasedon0 \snext23 \styrsid1051230 Style19;}{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 xml:space="preserve">\s24\ql \li0\ri0\nowidctlpar\wrapdefault\faauto\rin0\lin0\itap0 \rtlch\fcs1 \af1\afs24\alang1025 \ltrch\fcs0 \fs24\lang1049\langfe1049\loch\f1\hich\af1\dbch\af31505\cgrid\langnp1049\langfenp1049 \sbasedon0 \snext24 \styrsid1051230 Style21;}{\*\cs25 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 xml:space="preserve">\additive \rtlch\fcs1 \ab\af1\afs10 \ltrch\fcs0 \b\f1\fs10 \sbasedon10 \styrsid1051230 Font Style33;}{\*\cs26 \additive \rtlch\fcs1 \ab\af1\afs18 \ltrch\fcs0 \b\f1\fs18 \sbasedon10 \styrsid1051230 Font Style34;}{\*\cs27 \additive \rtlch\fcs1 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ab\af1\afs22 \ltrch\fcs0 \b\f1\fs22 \sbasedon10 \styrsid1051230 Font Style35;}{\*\cs28 \additive \rtlch\fcs1 \af1\afs8 \ltrch\fcs0 \f1\fs8 \sbasedon10 \styrsid1051230 Font Style36;}}{\*\rsidtbl \rsid611\rsid694\rsid4364\rsid4601\rsid5025\rsid522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565\rsid9793\rsid9824\rsid11092\rsid12504\rsid14352\rsid20021\rsid20671\rsid21965\rsid24861\rsid27775\rsid30263\rsid66426\rsid66727\rsid68345\rsid68626\rsid68991\rsid69052\rsid71600\rsid74350\rsid75159\rsid75873\rsid78629\rsid82350\rsid8361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4214\rsid84311\rsid85474\rsid88466\rsid89014\rsid89966\rsid98123\rsid132785\rsid134512\rsid138997\rsid140935\rsid141439\rsid143057\rsid143244\rsid144051\rsid144867\rsid148118\rsid150892\rsid154509\rsid156553\rsid156594\rsid158079\rsid16011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0177\rsid163360\rsid197570\rsid203425\rsid203828\rsid206220\rsid207007\rsid211555\rsid212253\rsid213018\rsid215061\rsid216089\rsid222126\rsid229149\rsid229256\rsid262198\rsid264070\rsid265971\rsid266605\rsid267527\rsid269882\rsid269950\rsid27134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72090\rsid272619\rsid276306\rsid277474\rsid277584\rsid277794\rsid283222\rsid284407\rsid284566\rsid286247\rsid288569\rsid289424\rsid290183\rsid291153\rsid328035\rsid335316\rsid338430\rsid339706\rsid346447\rsid347968\rsid348095\rsid351549\rsid35177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51939\rsid353889\rsid356818\rsid357626\rsid359732\rsid396923\rsid398256\rsid398794\rsid399883\rsid401688\rsid403642\rsid412446\rsid413658\rsid414247\rsid417296\rsid417427\rsid418510\rsid422406\rsid459590\rsid462467\rsid464225\rsid464986\rsid46554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65686\rsid470638\rsid471485\rsid472340\rsid475484\rsid476143\rsid477890\rsid480334\rsid481958\rsid485542\rsid488457\rsid489133\rsid489378\rsid524483\rsid526507\rsid529707\rsid530997\rsid534911\rsid536615\rsid539223\rsid541792\rsid545563\rsid54602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49909\rsid551928\rsid552368\rsid555436\rsid556130\rsid556505\rsid556763\rsid593421\rsid595156\rsid596053\rsid596141\rsid597657\rsid601461\rsid601722\rsid605380\rsid612012\rsid612719\rsid614315\rsid616160\rsid616280\rsid619675\rsid621652\rsid65582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57076\rsid658182\rsid659043\rsid660012\rsid660544\rsid662150\rsid665813\rsid666896\rsid668712\rsid669302\rsid669764\rsid670500\rsid674735\rsid677425\rsid679080\rsid679804\rsid684907\rsid687879\rsid724324\rsid724355\rsid727403\rsid729458\rsid72979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30509\rsid731390\rsid733235\rsid736148\rsid739212\rsid740653\rsid741204\rsid741381\rsid742648\rsid746218\rsid746771\rsid748607\rsid749717\rsid750550\rsid750590\rsid786672\rsid786858\rsid787193\rsid793551\rsid796572\rsid796936\rsid799599\rsid80273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06481\rsid806936\rsid808556\rsid809600\rsid809688\rsid811123\rsid813050\rsid814376\rsid815330\rsid855854\rsid856292\rsid857514\rsid857627\rs</w:t>
      </w:r>
      <w:r w:rsidRPr="000031EF">
        <w:rPr>
          <w:rFonts w:ascii="Courier New" w:hAnsi="Courier New" w:cs="Courier New"/>
          <w:lang w:val="en-US"/>
        </w:rPr>
        <w:lastRenderedPageBreak/>
        <w:t>id857846\rsid857942\rsid857960\rsid859616\rsid859921\rsid864441\rsid865404\rsid872287\rsid873683\rsid87411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74278\rsid877828\rsid878174\rsid880418\rsid921444\rsid924067\rsid925208\rsid928748\rsid929390\rsid929691\rsid932529\rsid933200\rsid933742\rsid938501\rsid940423\rsid941261\rsid944721\rsid944962\rsid946549\rsid985992\rsid987529\rsid989536\rsid99105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95584\rsid998290\rsid998841\rsid1000191\rsid1001064\rsid1002175\rsid1005416\rsid1006057\rsid1009512\rsid1011112\rsid1013399\rsid1048792\rsid1049143\rsid1051230\rsid1054091\rsid1054790\rsid1058554\rsid1063939\rsid1065767\rsid1066853\rsid106940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70198\rsid1072262\rsid1074265\rsid1076973\rsid1080294\rsid1080505\rsid1114806\rsid1114925\rsid1117276\rsid1118754\rsid1124811\rsid1125146\rsid1125211\rsid1125351\rsid1128069\rsid1129504\rsid1130957\rsid1131697\rsid1132033\rsid1138066\rsid113947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41470\rsid1142400\rsid1143772\rsid1180900\rsid1181461\rsid1182912\rsid1183267\rsid1183758\rsid1186638\rsid1186955\rsid1186966\rsid1193793\rsid1194380\rsid1197900\rsid1198931\rsid1199303\rsid1201749\rsid1202167\rsid1204761\rsid1211358\rsid125045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61940\rsid1263440\rsid1264251\rsid1268470\rsid1268505\rsid1272629\rsid1272902\rsid1275474\rsid1275719\rsid1276131\rsid1277555\rsid1277567\rsid1311345\rsid1311671\rsid1313797\rsid1314693\rsid1315620\rsid1316656\rsid1319146\rsid1324281\rsid132990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31168\rsid1332008\rsid1334934\rsid1342007\rsid1379209\rsid1385864\rsid1393751\rsid1396969\rsid1397295\rsid1397315\rsid1397319\rsid1400609\rsid1400661\rsid1404160\rsid1405133\rsid1408736\rsid1443178\rsid1444932\rsid1448692\rsid1452013\rsid145520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59617\rsid1460279\rsid1460493\rsid1461551\rsid1462343\rsid1462653\rsid1462783\rsid1464152\rsid1464244\rsid1469225\rsid1470327\rsid1472913\rsid1474462\rsid1509055\rsid1510272\rsid1517968\rsid1519369\rsid1519455\rsid1520585\rsid1524610\rsid152479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29395\rsid1529777\rsid1533155\rsid1534098\rsid1535548\rsid1538809\rsid1538812\rsid1539087\rsid1575108\rsid1576938\rsid1578625\rsid1580882\rsid1582548\rsid1583843\rsid1586830\rsid1592770\rsid1594242\rsid1603083\rsid1604148\rsid1604736\rsid163882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40488\rsid1641069\rsid1643345\rsid1645919\rsid1646766\rsid1646910\rsid1646960\rsid1647421\rsid1649079\rsid1651019\rsid1651495\rsid1652927\rsid1654607\rsid1654777\rsid1657523\rsid1658627\rsid1658717\rsid1659111\rsid1661069\rsid1662151\rsid166268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63172\rsid1669238\rsid1670855\rsid1705391\rsid1705568\rsid1707001\rsid1707094\rsid1707621\rsid1707819\rsid1708667\rsid1711490\rsid1717815\rsid1717997\rsid1719250\rsid1719257\rsid1719348\rsid1719442\rsid1725814\rsid1726453\rsid1734046\rsid173445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735545\rsid1771443\rsid1771568\rsid1773612\rsid1776918\rsid1776988\rsid1779191\rsid1779424\rsid1779952\rsid1781494\rsid1782814\rsid1782979\rsid1783744\rsid1784680\rsid1785235\rsid1786531\rsid1789010\rsid1790577\rsid1790674\rsid1790884\rsid179169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796747\rsid1797925\rsid1800763\rsid1801016\rsid1801503\rsid1838478\rsid1839174\rsid1839561\rsid1841240\rsid1848541\rsid1848553\rsid1850447\rsid1853902\rsid1856118\rsid1858808\rsid1859211\rsid1864217\rsid1865763\rsid1901981\rsid1902149\rsid190300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903106\rsid1903976\rsid1907595\rsid1907966\rsid1908762\rsid1911034\rsid1913996\rsid1915069\rsid1915511\rsid1919831\rsid1922004\rsid1922549\rsid1922551\rsid1923760\rsid1924120\rsid1924566\rsid1925286\rsid1927548\rsid1929579\rsid1932759\rsid196889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973011\rsid1973343\rsid1973601\rsid1977494\rsid1979613\rsid1981974\rsid1982779\rsid1984601\rsid1986983\rsid1986995\rsid1988516\rsid1990101\rsid1991010\rsid1994304\rsid1996099\rsid1996347\rsid1998148\rsid2031914\rsid2032134\rsid2036180\rsid203986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040264\rsid2040585\rsid2043315\rsid2046891\rsid2050991\rsid2055426\rsid2057793\rsid2058499\rsid2063509\rsid2064232\rsid2100864\rsid2101605\r</w:t>
      </w:r>
      <w:r w:rsidRPr="000031EF">
        <w:rPr>
          <w:rFonts w:ascii="Courier New" w:hAnsi="Courier New" w:cs="Courier New"/>
          <w:lang w:val="en-US"/>
        </w:rPr>
        <w:lastRenderedPageBreak/>
        <w:t>sid2101689\rsid2105563\rsid2106427\rsid2107549\rsid2107790\rsid2110470\rsid2111030\rsid2112460\rsid211283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112980\rsid2113318\rsid2113333\rsid2115681\rsid2115820\rsid2119275\rsid2123464\rsid2126854\rsid2127934\rsid2128504\rsid2163755\rsid2163970\rsid2172413\rsid2173328\rsid2174308\rsid2175045\rsid2175812\rsid2176918\rsid2178604\rsid2179857\rsid218074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182237\rsid2186046\rsid2186786\rsid2187810\rsid2189487\rsid2189630\rsid2190631\rsid2190932\rsid2192155\rsid2228997\rsid2229086\rsid2233129\rsid2234011\rsid2235020\rsid2237759\rsid2239078\rsid2239991\rsid2240644\rsid2242031\rsid2242539\rsid224264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248211\rsid2249534\rsid2250901\rsid2251735\rsid2252987\rsid2254679\rsid2259436\rsid2259509\rsid2260343\rsid2260390\rsid2296517\rsid2297678\rsid2299664\rsid2302192\rsid2302995\rsid2304703\rsid2306359\rsid2306931\rsid2311200\rsid2312810\rsid231357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313666\rsid2319309\rsid2322547\rsid2323625\rsid2359956\rsid2360736\rsid2362815\rsid2366776\rsid2369376\rsid2370554\rsid2373960\rsid2375252\rsid2376512\rsid2379479\rsid2380593\rsid2380673\rsid2381227\rsid2381807\rsid2382981\rsid2388326\rsid239044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391608\rsid2425160\rsid2428055\rsid2429481\rsid2430361\rsid2431571\rsid2433912\rsid2437766\rsid2439430\rsid2446120\rsid2447088\rsid2450335\rsid2450703\rsid2451569\rsid2452170\rsid2455355\rsid2455903\rsid2456482\rsid2457493\rsid2491019\rsid249259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492866\rsid2497470\rsid2498329\rsid2499259\rsid2502136\rsid2502895\rsid2504636\rsid2504651\rsid2506260\rsid2506801\rsid2510997\rsid2511726\rsid2514170\rsid2517203\rsid2517511\rsid2521210\rsid2521344\rsid2521987\rsid2556182\rsid2556357\rsid255639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556496\rsid2559927\rsid2561124\rsid2565782\rsid2566124\rsid2567467\rsid2569608\rsid2572355\rsid2574200\rsid2580248\rsid2583211\rsid2584820\rsid2585240\rsid2586044\rsid2587099\rsid2622058\rsid2622827\rsid2624709\rsid2626131\rsid2627076\rsid262867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631016\rsid2631740\rsid2632659\rsid2632777\rsid2633025\rsid2633296\rsid2634449\rsid2637089\rsid2640313\rsid2648596\rsid2652840\rsid2687175\rsid2688191\rsid2688646\rsid2690074\rsid2690099\rsid2691131\rsid2692445\rsid2697543\rsid2698253\rsid270748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709000\rsid2710454\rsid2711462\rsid2712808\rsid2715185\rsid2718056\rsid2718194\rsid2753214\rsid2755771\rsid2757615\rsid2760367\rsid2760400\rsid2763910\rsid2766989\rsid2771119\rsid2773926\rsid2776472\rsid2776655\rsid2776791\rsid2780086\rsid278097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782186\rsid2782443\rsid2820707\rsid2820757\rsid2824284\rsid2825121\rsid2827847\rsid2828196\rsid2829654\rsid2830181\rsid2830330\rsid2833338\rsid2833915\rsid2834972\rsid2835370\rsid2836492\rsid2836658\rsid2839966\rsid2843160\rsid2845716\rsid284602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847016\rsid2847344\rsid2849992\rsid2884806\rsid2887293\rsid2888328\rsid2891946\rsid2900348\rsid2904776\rsid2906163\rsid2912169\rsid2913732\rsid2915388\rsid2950143\rsid2951081\rsid2952529\rsid2952751\rsid2953537\rsid2954896\rsid2957831\rsid295857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2960503\rsid2964268\rsid2964524\rsid2967026\rsid2967382\rsid2971139\rsid3016443\rsid3017840\rsid3019509\rsid3020998\rsid3023347\rsid3025550\rsid3025697\rsid3026356\rsid3027712\rsid3029458\rsid3029472\rsid3030064\rsid3033214\rsid3033635\rsid303521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035990\rsid3037185\rsid3040051\rsid3041682\rsid3047267\rsid3081334\rsid3083650\rsid3084118\rsid3084504\rsid3085562\rsid3085961\rsid3094516\rsid3098543\rsid3098578\rsid3099025\rsid3099390\rsid3100728\rsid3101400\rsid3101818\rsid3102912\rsid311125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111734\rsid3112485\rsid3112699\rsid3146352\rsid3155884\rsid3162940\rsid3164685\rsid3165549\rsid3166396\rsid3168291\rsid3171815\rsid3171999\rsid3173250\rsid3174088\rsid3176460\rsid3214860\rsid3217739\rsid3219125\rsid3219577\rsid3219689\rsid322059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221214\rsid3222834\rsid3222932\rsid3223822\rsid3228956\rsid3233853\rsid3234366\rsid3234647\rsid3235014\rsid3236004\rsid3240274\rsid3278679\r</w:t>
      </w:r>
      <w:r w:rsidRPr="000031EF">
        <w:rPr>
          <w:rFonts w:ascii="Courier New" w:hAnsi="Courier New" w:cs="Courier New"/>
          <w:lang w:val="en-US"/>
        </w:rPr>
        <w:lastRenderedPageBreak/>
        <w:t>sid3280289\rsid3283491\rsid3286106\rsid3286173\rsid3286176\rsid3287020\rsid3290198\rsid3292012\rsid329517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297359\rsid3301239\rsid3301377\rsid3301842\rsid3302374\rsid3304101\rsid3304347\rsid3343178\rsid3345619\rsid3346091\rsid3346127\rsid3346730\rsid3350211\rsid3359779\rsid3362851\rsid3363142\rsid3367124\rsid3368163\rsid3369626\rsid3370289\rsid337311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373137\rsid3410026\rsid3411720\rsid3416585\rsid3418077\rsid3423825\rsid3424428\rsid3425815\rsid3429842\rsid3431693\rsid3434431\rsid3434520\rsid3438955\rsid3440282\rsid3474154\rsid3475845\rsid3476618\rsid3478361\rsid3478644\rsid3480367\rsid348080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482969\rsid3486771\rsid3493558\rsid3495097\rsid3497503\rsid3501604\rsid3504037\rsid3539456\rsid3539732\rsid3540479\rsid3542547\rsid3544763\rsid3544949\rsid3545414\rsid3551287\rsid3552289\rsid3554038\rsid3555476\rsid3555793\rsid3556293\rsid355720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557975\rsid3558945\rsid3560226\rsid3560988\rsid3561556\rsid3561764\rsid3562447\rsid3563789\rsid3564083\rsid3564988\rsid3569017\rsid3571038\rsid3604482\rsid3610745\rsid3610873\rsid3614882\rsid3617593\rsid3620959\rsid3621020\rsid3621648\rsid362193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623212\rsid3627692\rsid3630567\rsid3636251\rsid3636858\rsid3672137\rsid3674061\rsid3675202\rsid3680581\rsid3683618\rsid3684308\rsid3684532\rsid3686713\rsid3687765\rsid3688530\rsid3689486\rsid3691280\rsid3692724\rsid3693698\rsid3693728\rsid370002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700390\rsid3701510\rsid3702219\rsid3702483\rsid3737929\rsid3740234\rsid3742019\rsid3742474\rsid3743215\rsid3745108\rsid3746915\rsid3748611\rsid3753148\rsid3755159\rsid3761973\rsid3762139\rsid3762964\rsid3765610\rsid3767863\rsid3803531\rsid380494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805885\rsid3806587\rsid3808924\rsid3811007\rsid3812038\rsid3813804\rsid3814085\rsid3818746\rsid3819651\rsid3822849\rsid3823560\rsid3823822\rsid3824021\rsid3825471\rsid3825530\rsid3830087\rsid3832445\rsid3867628\rsid3870221\rsid3875027\rsid387575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878576\rsid3879690\rsid3880735\rsid3884503\rsid3889428\rsid3889595\rsid3891997\rsid3892169\rsid3892267\rsid3895234\rsid3897872\rsid3934928\rsid3936887\rsid3938379\rsid3939485\rsid3942994\rsid3944574\rsid3945263\rsid3947362\rsid3948269\rsid395095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3951158\rsid3954345\rsid3957432\rsid3957477\rsid3957636\rsid3961756\rsid3964078\rsid4004301\rsid4004865\rsid4007537\rsid4008785\rsid4009403\rsid4010713\rsid4011462\rsid4013573\rsid4015154\rsid4017249\rsid4018731\rsid4022167\rsid4026362\rsid402926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063528\rsid4063710\rsid4067561\rsid4068320\rsid4069191\rsid4069690\rsid4073883\rsid4074232\rsid4075167\rsid4075898\rsid4077866\rsid4078156\rsid4079889\rsid4081766\rsid4082031\rsid4082444\rsid4082629\rsid4083339\rsid4085767\rsid4086818\rsid408863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089253\rsid4090822\rsid4091620\rsid4092104\rsid4129002\rsid4129450\rsid4130137\rsid4131370\rsid4133377\rsid4134795\rsid4134804\rsid4134833\rsid4135271\rsid4142559\rsid4142636\rsid4145553\rsid4148520\rsid4149222\rsid4151702\rsid4151910\rsid415237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153607\rsid4154585\rsid4156068\rsid4161273\rsid4196132\rsid4196333\rsid4196517\rsid4196731\rsid4199104\rsid4202938\rsid4205368\rsid4207290\rsid4210944\rsid4211250\rsid4211486\rsid4214085\rsid4214353\rsid4214456\rsid4215667\rsid4216866\rsid421751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219268\rsid4220154\rsid4220794\rsid4221632\rsid4222821\rsid4224289\rsid4226138\rsid4265907\rsid4265949\rsid4266193\rsid4266726\rsid4269550\rsid4272445\rsid4273535\rsid4273952\rsid4277388\rsid4277460\rsid4277554\rsid4282249\rsid4282822\rsid428295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283025\rsid4285093\rsid4285438\rsid4285931\rsid4286802\rsid4286879\rsid4289162\rsid4290978\rsid4328559\rsid4330256\rsid4332234\rsid4333797\rsid4334033\rsid4336794\rsid4336969\rsid4340030\rsid4341579\rsid4341868\rsid4341926\rsid4343340\rsid434563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345921\rsid4346362\rsid4346366\rsid4347520\rsid4351770\rsid4352781\rsid4354364\rsid4356400\rsid4357098\rsid4357803\rsid4391782\rsid4394939\r</w:t>
      </w:r>
      <w:r w:rsidRPr="000031EF">
        <w:rPr>
          <w:rFonts w:ascii="Courier New" w:hAnsi="Courier New" w:cs="Courier New"/>
          <w:lang w:val="en-US"/>
        </w:rPr>
        <w:lastRenderedPageBreak/>
        <w:t>sid4395765\rsid4396476\rsid4400193\rsid4400755\rsid4401809\rsid4402345\rsid4402643\rsid4404289\rsid440499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405172\rsid4405379\rsid4406633\rsid4410010\rsid4414148\rsid4415843\rsid4418409\rsid4419435\rsid4419539\rsid4419699\rsid4420149\rsid4456645\rsid4458085\rsid4458386\rsid4459984\rsid4464360\rsid4465099\rsid4466155\rsid4466288\rsid4468175\rsid447423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477444\rsid4478684\rsid4488795\rsid4525145\rsid4525393\rsid4526201\rsid4526902\rsid4528619\rsid4530749\rsid4533692\rsid4534986\rsid4537385\rsid4539268\rsid4539478\rsid4540422\rsid4545304\rsid4546016\rsid4548533\rsid4550678\rsid4552306\rsid455356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589027\rsid4589661\rsid4593144\rsid4596625\rsid4600228\rsid4600782\rsid4601176\rsid4601653\rsid4601832\rsid4602313\rsid4603445\rsid4609282\rsid4610646\rsid4613799\rsid4616721\rsid4620102\rsid4653916\rsid4654465\rsid4655864\rsid4658592\rsid466567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666855\rsid4668402\rsid4668684\rsid4669450\rsid4670751\rsid4671286\rsid4671529\rsid4675194\rsid4676196\rsid4677685\rsid4678349\rsid4678384\rsid4680706\rsid4680774\rsid4681399\rsid4683484\rsid4719423\rsid4722506\rsid4723110\rsid4724844\rsid472606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733471\rsid4738065\rsid4738627\rsid4742597\rsid4742697\rsid4745874\rsid4746442\rsid4746684\rsid4747565\rsid4748099\rsid4787800\rsid4788199\rsid4788959\rsid4790329\rsid4794937\rsid4795832\rsid4802554\rsid4804164\rsid4807105\rsid4807524\rsid480929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809590\rsid4809818\rsid4810479\rsid4811721\rsid4812609\rsid4813591\rsid4816324\rsid4849959\rsid4850037\rsid4850632\rsid4851082\rsid4852997\rsid4854467\rsid4855773\rsid4857000\rsid4859102\rsid4863215\rsid4863931\rsid4868157\rsid4868589\rsid487600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876062\rsid4876401\rsid4915753\rsid4916255\rsid4917721\rsid4918051\rsid4918796\rsid4919870\rsid4920896\rsid4921355\rsid4922542\rsid4924387\rsid4925859\rsid4927677\rsid4927922\rsid4929466\rsid4932410\rsid4935811\rsid4936941\rsid4937449\rsid493818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4940312\rsid4941431\rsid4946167\rsid4981416\rsid4982201\rsid4984235\rsid4985124\rsid4985377\rsid4987141\rsid4989051\rsid4989316\rsid4990000\rsid4990878\rsid5001873\rsid5004855\rsid5005350\rsid5006527\rsid5007592\rsid5046925\rsid5051196\rsid506831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069465\rsid5069484\rsid5071953\rsid5072855\rsid5075629\rsid5118497\rsid5120853\rsid5120882\rsid5121332\rsid5122083\rsid5122189\rsid5123987\rsid5125665\rsid5129824\rsid5131768\rsid5134584\rsid5136151\rsid5139144\rsid5139344\rsid5139835\rsid514220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180576\rsid5184644\rsid5187585\rsid5188158\rsid5190407\rsid5190498\rsid5191240\rsid5193639\rsid5196169\rsid5198075\rsid5198926\rsid5201706\rsid5203738\rsid5204002\rsid5207850\rsid5246400\rsid5248790\rsid5250697\rsid5251197\rsid5252366\rsid525419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255453\rsid5257473\rsid5259752\rsid5260351\rsid5260920\rsid5261344\rsid5262129\rsid5265959\rsid5271243\rsid5275017\rsid5308426\rsid5312065\rsid5312504\rsid5313466\rsid5314058\rsid5314084\rsid5316628\rsid5319204\rsid5323111\rsid5323820\rsid532405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325023\rsid5327526\rsid5331640\rsid5332966\rsid5333666\rsid5334899\rsid5335471\rsid5338070\rsid5338277\rsid5339051\rsid5339161\rsid5375531\rsid5379801\rsid5380398\rsid5380613\rsid5381539\rsid5382199\rsid5392686\rsid5393253\rsid5393786\rsid539595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396175\rsid5396989\rsid5397619\rsid5401829\rsid5403237\rsid5439965\rsid5441800\rsid5445395\rsid5446285\rsid5446463\rsid5447540\rsid5448032\rsid5453092\rsid5454866\rsid5457010\rsid5457879\rsid5459579\rsid5462333\rsid5466070\rsid5467765\rsid546798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468850\rsid5468984\rsid5469182\rsid5471200\rsid5472024\rsid5505384\rsid5509825\rsid5510059\rsid5510805\rsid5512274\rsid5513796\rsid5515010\rsid5518093\rsid5520157\rsid5520372\rsid5520782\rsid5522065\rsid5522596\rsid5522603\rsid5523285\rsid552359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529308\rsid5570685\rsid5571360\rsid5574433\rsid5577765\rsid5577909\rsid5581886\rsid5585946\rsid5588466\rsid5588755\rsid5590680\rsid5593239\r</w:t>
      </w:r>
      <w:r w:rsidRPr="000031EF">
        <w:rPr>
          <w:rFonts w:ascii="Courier New" w:hAnsi="Courier New" w:cs="Courier New"/>
          <w:lang w:val="en-US"/>
        </w:rPr>
        <w:lastRenderedPageBreak/>
        <w:t>sid5594628\rsid5595254\rsid5597186\rsid5600396\rsid5600659\rsid5602951\rsid5636299\rsid5639611\rsid564268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645721\rsid5645942\rsid5649588\rsid5652507\rsid5656706\rsid5658297\rsid5659979\rsid5661517\rsid5661850\rsid5662433\rsid5662781\rsid5664048\rsid5703290\rsid5709993\rsid5710466\rsid5714899\rsid5717839\rsid5721700\rsid5724845\rsid5729175\rsid573291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733693\rsid5771235\rsid5772302\rsid5777709\rsid5779355\rsid5785113\rsid5786091\rsid5787736\rsid5789167\rsid5792136\rsid5792629\rsid5792962\rsid5796187\rsid5798445\rsid5834733\rsid5837630\rsid5840778\rsid5840889\rsid5842151\rsid5843057\rsid584591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857279\rsid5857477\rsid5858163\rsid5861818\rsid5864013\rsid5899266\rsid5901852\rsid5904534\rsid5906904\rsid5907402\rsid5911058\rsid5913551\rsid5914466\rsid5919975\rsid5920408\rsid5925042\rsid5965720\rsid5969713\rsid5972995\rsid5977511\rsid598025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5985237\rsid5985931\rsid5986140\rsid5986410\rsid5986738\rsid5986829\rsid5987191\rsid5990221\rsid5991668\rsid5996310\rsid6030168\rsid6031284\rsid6033248\rsid6038603\rsid6039282\rsid6040589\rsid6046097\rsid6046994\rsid6047790\rsid6050102\rsid605174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053623\rsid6053888\rsid6054003\rsid6055630\rsid6059169\rsid6061283\rsid6062069\rsid6095296\rsid6095569\rsid6100157\rsid6100825\rsid6103208\rsid6103217\rsid6105323\rsid6107805\rsid6108025\rsid6109779\rsid6110335\rsid6110761\rsid6111813\rsid611409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114400\rsid6114878\rsid6115297\rsid6115965\rsid6120589\rsid6120776\rsid6122231\rsid6123427\rsid6125480\rsid6126828\rsid6166562\rsid6169166\rsid6169969\rsid6170065\rsid6171164\rsid6171776\rsid6172016\rsid6173823\rsid6174797\rsid6176655\rsid617697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178843\rsid6179177\rsid6179343\rsid6179364\rsid6179852\rsid6180050\rsid6182012\rsid6182583\rsid6182603\rsid6185495\rsid6186822\rsid6187315\rsid6187324\rsid6188005\rsid6193105\rsid6229863\rsid6235268\rsid6236235\rsid6237477\rsid6237920\rsid624045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241762\rsid6247026\rsid6247142\rsid6251315\rsid6253888\rsid6256038\rsid6257361\rsid6257914\rsid6292472\rsid6294819\rsid6296150\rsid6296556\rsid6296789\rsid6296804\rsid6296827\rsid6298677\rsid6302411\rsid6302536\rsid6303844\rsid6304118\rsid630443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305059\rsid6305482\rsid6306316\rsid6306590\rsid6307911\rsid6308181\rsid6310123\rsid6312156\rsid6313008\rsid6313880\rsid6315472\rsid6318029\rsid6318848\rsid6322064\rsid6359335\rsid6359792\rsid6361151\rsid6363606\rsid6365961\rsid6373561\rsid637455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374899\rsid6375662\rsid6381652\rsid6384009\rsid6385185\rsid6387145\rsid6388573\rsid6424974\rsid6427103\rsid6428100\rsid6429492\rsid6435293\rsid6435535\rsid6439525\rsid6441104\rsid6442489\rsid6445446\rsid6446396\rsid6447269\rsid6451442\rsid645203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453115\rsid6453198\rsid6454349\rsid6488651\rsid6490279\rsid6494222\rsid6495792\rsid6497149\rsid6504923\rsid6509317\rsid6509937\rsid6511011\rsid6513911\rsid6518264\rsid6518278\rsid6519440\rsid6556800\rsid6558387\rsid6562074\rsid6563865\rsid656453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566169\rsid6567770\rsid6572012\rsid6572388\rsid6574008\rsid6579283\rsid6580890\rsid6583922\rsid6584316\rsid6584357\rsid6584729\rsid6585710\rsid6619792\rsid6625226\rsid6630313\rsid6631853\rsid6632297\rsid6632710\rsid6636623\rsid6638035\rsid663970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641631\rsid6641800\rsid6642120\rsid6642817\rsid6644333\rsid6646253\rsid6647868\rsid6685610\rsid6686930\rsid6688359\rsid6689503\rsid6690881\rsid6692272\rsid6693603\rsid6694554\rsid6695055\rsid6696339\rsid6697168\rsid6698464\rsid6698870\rsid669987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700000\rsid6704576\rsid6704650\rsid6704848\rsid6705072\rsid6706116\rsid6706209\rsid6708696\rsid6709348\rsid6710943\rsid6713758\rsid6714270\rsid6715216\rsid6715414\rsid6752148\rsid6752391\rsid6753223\rsid6754125\rsid6761552\rsid6763359\rsid676418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765151\rsid6765470\rsid6768972\rsid6770992\rsid6772103\rsid6773334\rsid6773711\rsid6775060\rsid6778145\rsid6778258\rsid6781263\rsid6782124\r</w:t>
      </w:r>
      <w:r w:rsidRPr="000031EF">
        <w:rPr>
          <w:rFonts w:ascii="Courier New" w:hAnsi="Courier New" w:cs="Courier New"/>
          <w:lang w:val="en-US"/>
        </w:rPr>
        <w:lastRenderedPageBreak/>
        <w:t>sid6817945\rsid6819484\rsid6820293\rsid6820834\rsid6822832\rsid6823670\rsid6823900\rsid6824931\rsid682655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827845\rsid6827935\rsid6828755\rsid6829507\rsid6832681\rsid6835136\rsid6835236\rsid6836454\rsid6841369\rsid6841988\rsid6843897\rsid6846320\rsid6882696\rsid6882809\rsid6883166\rsid6887233\rsid6887483\rsid6887975\rsid6888376\rsid6889855\rsid689072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893967\rsid6894743\rsid6895085\rsid6896094\rsid6896983\rsid6899001\rsid6904272\rsid6907137\rsid6908070\rsid6910645\rsid6911835\rsid6947103\rsid6947601\rsid6948838\rsid6952577\rsid6953417\rsid6955211\rsid6955608\rsid6957174\rsid6959823\rsid696003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6960485\rsid6960520\rsid6960911\rsid6964075\rsid6966098\rsid6966583\rsid6966806\rsid6969297\rsid6970637\rsid6976997\rsid6979269\rsid7012663\rsid7015299\rsid7016990\rsid7017643\rsid7018285\rsid7018333\rsid7019408\rsid7022144\rsid7023602\rsid702810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029368\rsid7031980\rsid7033467\rsid7035886\rsid7036332\rsid7036707\rsid7037253\rsid7039425\rsid7040911\rsid7040983\rsid7041521\rsid7042256\rsid7042516\rsid7042891\rsid7044716\rsid7079311\rsid7085136\rsid7086720\rsid7090010\rsid7092738\rsid709343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096299\rsid7097314\rsid7097597\rsid7099031\rsid7099892\rsid7101941\rsid7103674\rsid7104008\rsid7105192\rsid7107705\rsid7144893\rsid7146411\rsid7148384\rsid7151217\rsid7153985\rsid7156473\rsid7160126\rsid7166822\rsid7167075\rsid7168135\rsid716881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170035\rsid7209891\rsid7211982\rsid7212185\rsid7213784\rsid7215110\rsid7215151\rsid7215366\rsid7218508\rsid7218994\rsid7220591\rsid7220613\rsid7220899\rsid7221285\rsid7224378\rsid7226029\rsid7231236\rsid7231469\rsid7232815\rsid7235523\rsid723690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237547\rsid7240090\rsid7277668\rsid7280052\rsid7283711\rsid7285283\rsid7286203\rsid7288259\rsid7288981\rsid7289010\rsid7291538\rsid7294534\rsid7294615\rsid7295443\rsid7297230\rsid7298185\rsid7301239\rsid7301798\rsid7343742\rsid7343755\rsid734470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345621\rsid7348044\rsid7349339\rsid7349573\rsid7351831\rsid7356255\rsid7356695\rsid7361475\rsid7362082\rsid7362649\rsid7363423\rsid7366166\rsid7366844\rsid7367400\rsid7367628\rsid7369218\rsid7371542\rsid7406165\rsid7406648\rsid7407513\rsid740924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411225\rsid7411779\rsid7413212\rsid7413378\rsid7413508\rsid7415734\rsid7416641\rsid7416844\rsid7416870\rsid7420458\rsid7424377\rsid7424431\rsid7427048\rsid7429172\rsid7431595\rsid7433588\rsid7433660\rsid7437855\rsid7471263\rsid7471970\rsid747288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473634\rsid7476323\rsid7482113\rsid7482737\rsid7483879\rsid7483958\rsid7484462\rsid7485186\rsid7485700\rsid7489231\rsid7489400\rsid7490260\rsid7491960\rsid7496590\rsid7502011\rsid7502379\rsid7503152\rsid7503469\rsid7537818\rsid7538202\rsid753821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543642\rsid7544965\rsid7546583\rsid7547447\rsid7548706\rsid7548972\rsid7550581\rsid7552175\rsid7552544\rsid7554830\rsid7556777\rsid7559136\rsid7561550\rsid7562168\rsid7562213\rsid7562324\rsid7604508\rsid7605098\rsid7606086\rsid7607823\rsid760829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616778\rsid7618880\rsid7619402\rsid7621377\rsid7621402\rsid7621968\rsid7626707\rsid7629724\rsid7633533\rsid7670487\rsid7673279\rsid7674634\rsid7676767\rsid7677205\rsid7677636\rsid7677893\rsid7681226\rsid7681279\rsid7682932\rsid7685784\rsid768607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687101\rsid7688547\rsid7689094\rsid7694675\rsid7697053\rsid7697222\rsid7699322\rsid7733253\rsid7733375\rsid7734522\rsid7734638\rsid7734807\rsid7736092\rsid7738673\rsid7739636\rsid7744977\rsid7745069\rsid7746134\rsid7746643\rsid7746893\rsid774850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749446\rsid7749872\rsid7752974\rsid7754479\rsid7756776\rsid7757080\rsid7757258\rsid7759651\rsid7762562\rsid7799605\rsid7799695\rsid7799866\rsid7802403\rsid7805435\rsid7807833\rsid7808185\rsid7808498\rsid7809870\rsid7811384\rsid7813980\rsid781606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816725\rsid7817448\rsid7818370\rsid7818775\rsid7821172\rsid7823725\rsid7824529\rsid7826004\rsid7828888\rsid7830701\rsid7865983\rsid7866709\r</w:t>
      </w:r>
      <w:r w:rsidRPr="000031EF">
        <w:rPr>
          <w:rFonts w:ascii="Courier New" w:hAnsi="Courier New" w:cs="Courier New"/>
          <w:lang w:val="en-US"/>
        </w:rPr>
        <w:lastRenderedPageBreak/>
        <w:t>sid7869851\rsid7869924\rsid7871524\rsid7877425\rsid7879334\rsid7879536\rsid7883595\rsid7886527\rsid788653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888911\rsid7889148\rsid7889453\rsid7889528\rsid7889677\rsid7892557\rsid7894755\rsid7895114\rsid7895653\rsid7896626\rsid7930406\rsid7931223\rsid7931828\rsid7932175\rsid7932959\rsid7935461\rsid7940110\rsid7941578\rsid7945822\rsid7947581\rsid795146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7951966\rsid7957104\rsid7958577\rsid7996508\rsid7998433\rsid7998575\rsid7998990\rsid7999608\rsid8000383\rsid8001243\rsid8004159\rsid8007092\rsid8010599\rsid8020206\rsid8023902\rsid8024418\rsid8024698\rsid8026465\rsid8066200\rsid8066516\rsid806763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067774\rsid8068215\rsid8071799\rsid8071874\rsid8072011\rsid8072582\rsid8073052\rsid8073704\rsid8074133\rsid8077569\rsid8077763\rsid8078654\rsid8082588\rsid8082613\rsid8083745\rsid8083749\rsid8084859\rsid8085413\rsid8085784\rsid8087977\rsid808921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134153\rsid8135398\rsid8135975\rsid8140337\rsid8141201\rsid8141999\rsid8142998\rsid8145036\rsid8148442\rsid8153926\rsid8154379\rsid8155221\rsid8155830\rsid8157574\rsid8158771\rsid8192354\rsid8192536\rsid8193866\rsid8197604\rsid8198133\rsid820008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200173\rsid8202179\rsid8202857\rsid8205993\rsid8211022\rsid8214295\rsid8215879\rsid8217621\rsid8218903\rsid8220475\rsid8220711\rsid8221823\rsid8222367\rsid8259358\rsid8259563\rsid8260717\rsid8263679\rsid8265710\rsid8272406\rsid8277176\rsid827787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286452\rsid8323388\rsid8325488\rsid8325817\rsid8326288\rsid8326304\rsid8328803\rsid8330395\rsid8332020\rsid8335823\rsid8337809\rsid8345293\rsid8345980\rsid8348702\rsid8349270\rsid8349606\rsid8354619\rsid8355079\rsid8389889\rsid8391922\rsid839259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393564\rsid8401484\rsid8402016\rsid8402113\rsid8406568\rsid8408769\rsid8409248\rsid8409422\rsid8413073\rsid8414062\rsid8414962\rsid8416751\rsid8416816\rsid8418637\rsid8419717\rsid8419939\rsid8420447\rsid8454211\rsid8459089\rsid8462517\rsid846494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466481\rsid8468342\rsid8471605\rsid8475241\rsid8475653\rsid8475742\rsid8476983\rsid8478362\rsid8479051\rsid8479343\rsid8480640\rsid8484515\rsid8519714\rsid8519857\rsid8521001\rsid8523332\rsid8525051\rsid8530489\rsid8532443\rsid8533227\rsid853445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535924\rsid8536146\rsid8539726\rsid8542798\rsid8543320\rsid8544078\rsid8545090\rsid8546133\rsid8547094\rsid8549720\rsid8551338\rsid8587811\rsid8588699\rsid8594483\rsid8594885\rsid8598392\rsid8600488\rsid8600915\rsid8607680\rsid8609573\rsid860992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610772\rsid8612190\rsid8613257\rsid8652372\rsid8653575\rsid8653701\rsid8659097\rsid8660088\rsid8663722\rsid8668519\rsid8669365\rsid8669891\rsid8671486\rsid8672667\rsid8673307\rsid8673411\rsid8673876\rsid8674547\rsid8674567\rsid8674891\rsid867733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681812\rsid8681825\rsid8683112\rsid8718548\rsid8719824\rsid8721590\rsid8722002\rsid8724182\rsid8726816\rsid8727285\rsid8729231\rsid8731204\rsid8731496\rsid8731761\rsid8731835\rsid8740264\rsid8742507\rsid8743751\rsid8745020\rsid8745865\rsid874589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749032\rsid8782982\rsid8786482\rsid8788914\rsid8791474\rsid8792473\rsid8793275\rsid8794210\rsid8794397\rsid8796775\rsid8796907\rsid8797815\rsid8801716\rsid8803628\rsid8804725\rsid8808935\rsid8810119\rsid8810600\rsid8810656\rsid8812178\rsid881266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814260\rsid8814583\rsid8852224\rsid8855221\rsid8857483\rsid8858915\rsid8861931\rsid8863117\rsid8865188\rsid8865628\rsid8866624\rsid8867309\rsid8867595\rsid8871078\rsid8871878\rsid8872904\rsid8873870\rsid8915373\rsid8915657\rsid8917467\rsid891801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918264\rsid8919061\rsid8919185\rsid8920543\rsid8921374\rsid8926849\rsid8927539\rsid8928687\rsid8928878\rsid8929311\rsid8929694\rsid8930207\rsid8931225\rsid8934260\rsid8938398\rsid8939827\rsid8939837\rsid8943471\rsid8944182\rsid8978935\rsid898193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8983264\rsid8983755\rsid8988013\rsid8990584\rsid8992766\rsid8999561\rsid9000885\rsid9001194\rsid9001319\rsid9001349\rsid9001426\rsid9002913\r</w:t>
      </w:r>
      <w:r w:rsidRPr="000031EF">
        <w:rPr>
          <w:rFonts w:ascii="Courier New" w:hAnsi="Courier New" w:cs="Courier New"/>
          <w:lang w:val="en-US"/>
        </w:rPr>
        <w:lastRenderedPageBreak/>
        <w:t>sid9005491\rsid9008708\rsid9011173\rsid9043980\rsid9044780\rsid9046497\rsid9051560\rsid9055592\rsid905584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056402\rsid9060826\rsid9060880\rsid9063876\rsid9064534\rsid9064860\rsid9064876\rsid9067248\rsid9068879\rsid9070722\rsid9110229\rsid9117017\rsid9120843\rsid9127646\rsid9129331\rsid9129716\rsid9130011\rsid9130213\rsid9132039\rsid9134261\rsid913650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136721\rsid9137584\rsid9137781\rsid9137784\rsid9139091\rsid9139933\rsid9140536\rsid9141707\rsid9176082\rsid9177392\rsid9177434\rsid9177779\rsid9181118\rsid9181858\rsid9182037\rsid9182166\rsid9184011\rsid9185247\rsid9186510\rsid9186835\rsid919225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192751\rsid9195950\rsid9196360\rsid9198511\rsid9199938\rsid9200684\rsid9201060\rsid9202673\rsid9204997\rsid9241295\rsid9243615\rsid9246425\rsid9246479\rsid9248037\rsid9248058\rsid9249049\rsid9250389\rsid9252243\rsid9256597\rsid9256929\rsid926509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265432\rsid9268184\rsid9270444\rsid9270524\rsid9306953\rsid9308385\rsid9311022\rsid9312667\rsid9313157\rsid9313507\rsid9314138\rsid9314454\rsid9315387\rsid9316050\rsid9318442\rsid9319312\rsid9319666\rsid9321223\rsid9323280\rsid9329865\rsid933046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335896\rsid9376833\rsid9381245\rsid9381669\rsid9382087\rsid9382533\rsid9383744\rsid9386464\rsid9388959\rsid9395498\rsid9396583\rsid9396665\rsid9398336\rsid9403570\rsid9439093\rsid9439164\rsid9440663\rsid9442471\rsid9445743\rsid9447059\rsid944998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450319\rsid9452406\rsid9454550\rsid9457856\rsid9463436\rsid9466100\rsid9466536\rsid9504920\rsid9505470\rsid9505936\rsid9506909\rsid9507984\rsid9508922\rsid9510743\rsid9511429\rsid9512917\rsid9513370\rsid9516829\rsid9520357\rsid9522335\rsid952431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526589\rsid9526633\rsid9529398\rsid9529753\rsid9531142\rsid9534388\rsid9569649\rsid9571021\rsid9571636\rsid9572352\rsid9573332\rsid9574852\rsid9575826\rsid9579279\rsid9579496\rsid9579562\rsid9580040\rsid9580656\rsid9581822\rsid9586707\rsid958998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591529\rsid9592684\rsid9635726\rsid9638735\rsid9639153\rsid9639767\rsid9642276\rsid9647813\rsid9649434\rsid9650373\rsid9658933\rsid9659912\rsid9665385\rsid9700896\rsid9704351\rsid9715978\rsid9722307\rsid9723074\rsid9728639\rsid9730808\rsid973091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731917\rsid9769450\rsid9769588\rsid9773690\rsid9774361\rsid9777639\rsid9779638\rsid9780416\rsid9783358\rsid9783827\rsid9790263\rsid9795012\rsid9832546\rsid9832554\rsid9834247\rsid9834586\rsid9836538\rsid9837738\rsid9838251\rsid9838920\rsid983988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841049\rsid9842806\rsid9843287\rsid9846515\rsid9848515\rsid9848866\rsid9849081\rsid9850781\rsid9852927\rsid9854183\rsid9854587\rsid9858426\rsid9858677\rsid9859834\rsid9859991\rsid9861144\rsid9862916\rsid9896068\rsid9898099\rsid9899473\rsid989965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900354\rsid9902341\rsid9905252\rsid9905748\rsid9908286\rsid9908501\rsid9909029\rsid9910364\rsid9912218\rsid9914648\rsid9915885\rsid9915943\rsid9916907\rsid9919565\rsid9921221\rsid9921262\rsid9921868\rsid9922272\rsid9923932\rsid9924733\rsid992521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9966117\rsid9966264\rsid9967296\rsid9969374\rsid9969442\rsid9969785\rsid9972388\rsid9973550\rsid9976530\rsid9978039\rsid9978439\rsid9980791\rsid9983073\rsid9983660\rsid9985339\rsid9986385\rsid9988889\rsid9990530\rsid9992124\rsid9992815\rsid1002796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027985\rsid10028886\rsid10030036\rsid10032359\rsid10032432\rsid10032929\rsid10033027\rsid10034137\rsid10039077\rsid10045247\rsid10047960\rsid10049387\rsid10050047\rsid10050921\rsid10051010\rsid10052451\rsid10053928\rsid10054811\rsid1005842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058710\rsid10093243\rsid10094250\rsid10095866\rsid10105175\rsid10105519\rsid10105957\rsid10108090\rsid10108869\rsid10112959\rsid10113847\rsid10116927\rsid10123918\rsid10124895\rsid10158406\rsid10159043\rsid10159116\rsid10159453\rsid1016053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164823\rsid10165448\rsid10167764\rsid10172527\rsid10172738\rsid10173303\rsid10174487\rsid10174855\rsid10175376\rsid10176324\rsid10177859\rs</w:t>
      </w:r>
      <w:r w:rsidRPr="000031EF">
        <w:rPr>
          <w:rFonts w:ascii="Courier New" w:hAnsi="Courier New" w:cs="Courier New"/>
          <w:lang w:val="en-US"/>
        </w:rPr>
        <w:lastRenderedPageBreak/>
        <w:t>id10179306\rsid10182274\rsid10182788\rsid10183252\rsid10183591\rsid10189179\rsid10189987\rsid1022412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224867\rsid10225175\rsid10230152\rsid10230891\rsid10233948\rsid10235935\rsid10241350\rsid10242566\rsid10255202\rsid10293594\rsid10294123\rsid10294860\rsid10295905\rsid10301580\rsid10303390\rsid10305096\rsid10306757\rsid10309451\rsid1030946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311482\rsid10314591\rsid10318457\rsid10321345\rsid10356582\rsid10357865\rsid10359223\rsid10362917\rsid10369107\rsid10370529\rsid10373914\rsid10378742\rsid10379312\rsid10381878\rsid10382337\rsid10384591\rsid10384957\rsid10386860\rsid1042276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425220\rsid10426702\rsid10427168\rsid10431200\rsid10431260\rsid10431979\rsid10434730\rsid10436266\rsid10440867\rsid10442234\rsid10445488\rsid10446081\rsid10488658\rsid10489933\rsid10490040\rsid10493090\rsid10497121\rsid10497844\rsid1050369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505506\rsid10505860\rsid10505995\rsid10506273\rsid10508359\rsid10511655\rsid10512334\rsid10512423\rsid10516675\rsid10517059\rsid10517334\rsid10518028\rsid10551459\rsid10552774\rsid10552800\rsid10555168\rsid10559838\rsid10560270\rsid1056066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563859\rsid10565324\rsid10565386\rsid10566297\rsid10567498\rsid10569459\rsid10569801\rsid10571132\rsid10573172\rsid10574332\rsid10575606\rsid10576535\rsid10578589\rsid10581915\rsid10583260\rsid10583438\rsid10617565\rsid10619886\rsid1062003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620117\rsid10622888\rsid10626970\rsid10628947\rsid10629552\rsid10630956\rsid10631249\rsid10634965\rsid10640199\rsid10640345\rsid10640360\rsid10640582\rsid10640644\rsid10643085\rsid10644799\rsid10645377\rsid10684547\rsid10685456\rsid1068798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693315\rsid10693375\rsid10694193\rsid10694928\rsid10695355\rsid10696805\rsid10696968\rsid10697319\rsid10697462\rsid10698824\rsid10699829\rsid10704087\rsid10704154\rsid10705523\rsid10705944\rsid10709645\rsid10712660\rsid10713675\rsid1075073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751649\rsid10751856\rsid10753277\rsid10753735\rsid10754252\rsid10756052\rsid10760869\rsid10763026\rsid10764344\rsid10764616\rsid10764773\rsid10769504\rsid10769587\rsid10770054\rsid10770926\rsid10776376\rsid10778340\rsid10813542\rsid1081570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816012\rsid10817052\rsid10824237\rsid10826897\rsid10827155\rsid10828106\rsid10831375\rsid10831689\rsid10831704\rsid10834592\rsid10834945\rsid10836075\rsid10840344\rsid10841307\rsid10842144\rsid10844416\rsid10879100\rsid10880687\rsid1088150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883950\rsid10886359\rsid10887614\rsid10890987\rsid10891462\rsid10892016\rsid10895087\rsid10895185\rsid10896845\rsid10898687\rsid10899728\rsid10902915\rsid10903563\rsid10905028\rsid10906089\rsid10906392\rsid10907699\rsid10908370\rsid1091170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0950306\rsid10952265\rsid10962108\rsid10966694\rsid10968133\rsid10969607\rsid10969876\rsid10972135\rsid10974610\rsid10975290\rsid10975834\rsid10975926\rsid10976301\rsid10977154\rsid11012822\rsid11015555\rsid11015755\rsid11017161\rsid1101889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019016\rsid11022463\rsid11023688\rsid11025326\rsid11027224\rsid11027726\rsid11029062\rsid11030004\rsid11031998\rsid11036557\rsid11036944\rsid11037540\rsid11038533\rsid11038771\rsid11041355\rsid11077999\rsid11079539\rsid11083322\rsid1108581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085815\rsid11085905\rsid11086334\rsid11087965\rsid11089772\rsid11093528\rsid11093786\rsid11094250\rsid11095226\rsid11095556\rsid11096705\rsid11101598\rsid11101821\rsid11101961\rsid11102097\rsid11103119\rsid11105910\rsid11142373\rsid1114305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143659\rsid11146254\rsid11150721\rsid11151503\rsid11152615\rsid11154237\rsid11155169\rsid11158029\rsid11158259\rsid11158349\rsid11158436\rsid11159128\rsid11159913\rsid11160956\rsid11161718\rsid11163327\rsid11165790\rsid11166124\rsid1116658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167091\rsid11167840\rsid11168408\rsid11170144\rsid11170314\rsid11170650\rsid11171862\rsid11173791\rsid11212535\rsid11212609\rsid11213277\rs</w:t>
      </w:r>
      <w:r w:rsidRPr="000031EF">
        <w:rPr>
          <w:rFonts w:ascii="Courier New" w:hAnsi="Courier New" w:cs="Courier New"/>
          <w:lang w:val="en-US"/>
        </w:rPr>
        <w:lastRenderedPageBreak/>
        <w:t>id11216085\rsid11216716\rsid11224189\rsid11226163\rsid11227003\rsid11231303\rsid11236081\rsid1123681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272690\rsid11272704\rsid11274837\rsid11276382\rsid11276538\rsid11278394\rsid11279037\rsid11279836\rsid11281903\rsid11282067\rsid11285651\rsid11287942\rsid11288115\rsid11288417\rsid11289363\rsid11292628\rsid11297553\rsid11301013\rsid1130245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304348\rsid11338041\rsid11339415\rsid11342532\rsid11342714\rsid11342900\rsid11343238\rsid11343717\rsid11344084\rsid11345657\rsid11347007\rsid11348176\rsid11348716\rsid11349417\rsid11351071\rsid11352393\rsid11354455\rsid11355532\rsid1135774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361881\rsid11362432\rsid11363373\rsid11364844\rsid11367230\rsid11367657\rsid11368788\rsid11403736\rsid11410173\rsid11411057\rsid11411850\rsid11413247\rsid11416727\rsid11416756\rsid11421786\rsid11425180\rsid11427393\rsid11428807\rsid1143172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434004\rsid11434051\rsid11468834\rsid11469640\rsid11472562\rsid11472770\rsid11475229\rsid11475556\rsid11478040\rsid11478348\rsid11482427\rsid11484206\rsid11484501\rsid11485050\rsid11488666\rsid11488951\rsid11493245\rsid11494892\rsid1149646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498340\rsid11499381\rsid11500642\rsid11500655\rsid11537612\rsid11537984\rsid11538435\rsid11538625\rsid11542289\rsid11546573\rsid11549774\rsid11552653\rsid11553112\rsid11553310\rsid11553526\rsid11554866\rsid11556359\rsid11562120\rsid1156630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601417\rsid11602891\rsid11602897\rsid11603957\rsid11606323\rsid11606798\rsid11608417\rsid11612620\rsid11616676\rsid11619068\rsid11622418\rsid11624082\rsid11625427\rsid11628259\rsid11629114\rsid11632058\rsid11632305\rsid11668039\rsid1166911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670465\rsid11673711\rsid11675713\rsid11679000\rsid11679697\rsid11680430\rsid11685061\rsid11689120\rsid11689805\rsid11692264\rsid11692468\rsid11694372\rsid11695191\rsid11697212\rsid11731188\rsid11736776\rsid11738412\rsid11738660\rsid1173903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740049\rsid11741387\rsid11742697\rsid11743732\rsid11746119\rsid11750334\rsid11751238\rsid11751588\rsid11752745\rsid11758891\rsid11759321\rsid11797375\rsid11797858\rsid11801719\rsid11803491\rsid11803885\rsid11804304\rsid11806763\rsid1180790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810429\rsid11812161\rsid11812423\rsid11812580\rsid11814848\rsid11814889\rsid11821440\rsid11821697\rsid11823155\rsid11826855\rsid11828960\rsid11864896\rsid11868319\rsid11870460\rsid11874711\rsid11877676\rsid11879098\rsid11879509\rsid1188113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883297\rsid11883486\rsid11884006\rsid11885318\rsid11893931\rsid11928850\rsid11929354\rsid11935426\rsid11936681\rsid11937291\rsid11937628\rsid11938570\rsid11939847\rsid11939927\rsid11942376\rsid11942994\rsid11944083\rsid11946510\rsid1194862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1949849\rsid11949927\rsid11950296\rsid11953772\rsid11958206\rsid11959114\rsid11959401\rsid11959996\rsid11994342\rsid11994869\rsid11996245\rsid11996371\rsid11996480\rsid11997356\rsid12001215\rsid12002292\rsid12002643\rsid12007207\rsid1200803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009313\rsid12009432\rsid12012340\rsid12014964\rsid12015677\rsid12016819\rsid12019026\rsid12019223\rsid12024446\rsid12025511\rsid12058818\rsid12061228\rsid12062095\rsid12064167\rsid12064884\rsid12065240\rsid12067133\rsid12071914\rsid1207259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073024\rsid12074502\rsid12074562\rsid12074873\rsid12075056\rsid12075517\rsid12077028\rsid12080116\rsid12081634\rsid12082361\rsid12082531\rsid12126677\rsid12127106\rsid12130470\rsid12130902\rsid12133324\rsid12133605\rsid12136468\rsid1213789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137935\rsid12139102\rsid12144086\rsid12145135\rsid12148390\rsid12151161\rsid12152487\rsid12153096\rsid12153833\rsid12191558\rsid12191744\rsid12194522\rsid12195662\rsid12196807\rsid12196922\rsid12200250\rsid12200515\rsid12201028\rsid1220203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203214\rsid12203367\rsid12204334\rsid12208964\rsid12210041\rsid12211048\rsid12213331\rsid12214983\rsid12218493\rsid12255364\rsid12256288\rs</w:t>
      </w:r>
      <w:r w:rsidRPr="000031EF">
        <w:rPr>
          <w:rFonts w:ascii="Courier New" w:hAnsi="Courier New" w:cs="Courier New"/>
          <w:lang w:val="en-US"/>
        </w:rPr>
        <w:lastRenderedPageBreak/>
        <w:t>id12256854\rsid12261617\rsid12262744\rsid12263299\rsid12264028\rsid12265322\rsid12266779\rsid1226980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271418\rsid12271668\rsid12271852\rsid12272289\rsid12273336\rsid12274446\rsid12278426\rsid12282294\rsid12284374\rsid12284855\rsid12323562\rsid12323770\rsid12324970\rsid12327546\rsid12330428\rsid12331628\rsid12331934\rsid12332644\rsid1233360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335570\rsid12336466\rsid12337034\rsid12337972\rsid12338151\rsid12338731\rsid12340317\rsid12341478\rsid12341737\rsid12342290\rsid12342554\rsid12342655\rsid12343042\rsid12343457\rsid12347368\rsid12349874\rsid12351170\rsid12351860\rsid1235259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386575\rsid12387229\rsid12389579\rsid12394923\rsid12396099\rsid12397893\rsid12400540\rsid12403007\rsid12404330\rsid12405371\rsid12405491\rsid12405669\rsid12407222\rsid12408997\rsid12409967\rsid12411161\rsid12411227\rsid12411884\rsid1241265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414637\rsid12414794\rsid12416383\rsid12452473\rsid12457144\rsid12459234\rsid12461715\rsid12462021\rsid12462122\rsid12465494\rsid12466695\rsid12466726\rsid12467735\rsid12468502\rsid12469123\rsid12469263\rsid12472238\rsid12474754\rsid1247598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477314\rsid12478384\rsid12517381\rsid12517510\rsid12522350\rsid12525886\rsid12528463\rsid12529738\rsid12532220\rsid12534517\rsid12537921\rsid12538616\rsid12539380\rsid12544329\rsid12544915\rsid12548302\rsid12548499\rsid12549347\rsid1258425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589823\rsid12594074\rsid12596434\rsid12596554\rsid12601803\rsid12603938\rsid12604619\rsid12604798\rsid12606753\rsid12610587\rsid12610782\rsid12611531\rsid12615149\rsid12615664\rsid12649747\rsid12650255\rsid12651499\rsid12651533\rsid1265249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652852\rsid12653648\rsid12653661\rsid12656100\rsid12659297\rsid12659401\rsid12659857\rsid12662710\rsid12663703\rsid12664510\rsid12666986\rsid12667160\rsid12668612\rsid12676355\rsid12677538\rsid12679261\rsid12679955\rsid12714638\rsid1271515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716104\rsid12716895\rsid12718192\rsid12723019\rsid12723054\rsid12723891\rsid12724419\rsid12728470\rsid12728679\rsid12728862\rsid12732324\rsid12732941\rsid12737781\rsid12738293\rsid12787609\rsid12789202\rsid12790122\rsid12790440\rsid1279171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792121\rsid12792981\rsid12796679\rsid12799133\rsid12799609\rsid12800758\rsid12801911\rsid12803835\rsid12805008\rsid12805955\rsid12806252\rsid12808974\rsid12809661\rsid12810763\rsid12846838\rsid12851210\rsid12851785\rsid12853330\rsid1285392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855127\rsid12855780\rsid12856281\rsid12862074\rsid12863740\rsid12863821\rsid12866582\rsid12870415\rsid12872323\rsid12872856\rsid12873204\rsid12873301\rsid12873770\rsid12874252\rsid12875952\rsid12913187\rsid12914544\rsid12914715\rsid1291836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919836\rsid12920403\rsid12922091\rsid12924885\rsid12932493\rsid12935353\rsid12939999\rsid12940466\rsid12941439\rsid12941676\rsid12942022\rsid12942655\rsid12977233\rsid12981145\rsid12982901\rsid12989019\rsid12990128\rsid12990492\rsid1299144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2993048\rsid12995497\rsid12996023\rsid12996402\rsid12997484\rsid13003833\rsid13004407\rsid13005012\rsid13006056\rsid13007975\rsid13043367\rsid13043634\rsid13047472\rsid13053223\rsid13054228\rsid13056047\rsid13057694\rsid13059204\rsid1306182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064312\rsid13064426\rsid13067013\rsid13068752\rsid13070844\rsid13072908\rsid13073423\rsid13109641\rsid13109811\rsid13110346\rsid13114321\rsid13116408\rsid13117708\rsid13120752\rsid13123163\rsid13123444\rsid13125464\rsid13125854\rsid1312728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135595\rsid13137811\rsid13138997\rsid13139412\rsid13174063\rsid13175300\rsid13175441\rsid13177878\rsid13178270\rsid13180641\rsid13181237\rsid13181714\rsid13187510\rsid13187538\rsid13188727\rsid13190064\rsid13194295\rsid13196443\rsid1319669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197982\rsid13199701\rsid13200645\rsid13201311\rsid13246636\rsid13247102\rsid13247781\rsid13251696\rsid13251858\rsid13252316\rsid13255751\rs</w:t>
      </w:r>
      <w:r w:rsidRPr="000031EF">
        <w:rPr>
          <w:rFonts w:ascii="Courier New" w:hAnsi="Courier New" w:cs="Courier New"/>
          <w:lang w:val="en-US"/>
        </w:rPr>
        <w:lastRenderedPageBreak/>
        <w:t>id13256091\rsid13256368\rsid13260464\rsid13265055\rsid13267549\rsid13306343\rsid13308934\rsid1330955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318228\rsid13320074\rsid13327147\rsid13333232\rsid13334459\rsid13334763\rsid13369519\rsid13371439\rsid13373261\rsid13374184\rsid13374748\rsid13375718\rsid13376023\rsid13376817\rsid13379374\rsid13379806\rsid13384260\rsid13386533\rsid1338673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386807\rsid13387472\rsid13388551\rsid13390379\rsid13390412\rsid13390689\rsid13391676\rsid13392779\rsid13393808\rsid13395712\rsid13395833\rsid13399583\rsid13440452\rsid13440982\rsid13441986\rsid13445102\rsid13447735\rsid13449917\rsid1345334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454749\rsid13456823\rsid13457113\rsid13460819\rsid13462017\rsid13462119\rsid13466027\rsid13500492\rsid13501813\rsid13503340\rsid13504258\rsid13506018\rsid13508626\rsid13509170\rsid13512021\rsid13516656\rsid13517819\rsid13519261\rsid1351928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519980\rsid13520454\rsid13522064\rsid13525802\rsid13527963\rsid13529826\rsid13530087\rsid13530503\rsid13531694\rsid13532824\rsid13566672\rsid13566982\rsid13571863\rsid13572401\rsid13574151\rsid13574258\rsid13575355\rsid13575523\rsid1357636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580647\rsid13581907\rsid13582496\rsid13583332\rsid13586642\rsid13588744\rsid13589536\rsid13589670\rsid13594222\rsid13595333\rsid13595719\rsid13595749\rsid13632309\rsid13633472\rsid13633712\rsid13633799\rsid13633907\rsid13634173\rsid1363467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642968\rsid13644379\rsid13645369\rsid13650634\rsid13653854\rsid13654794\rsid13655385\rsid13656305\rsid13656769\rsid13658488\rsid13658926\rsid13661689\rsid13663214\rsid13663929\rsid13700480\rsid13703689\rsid13704636\rsid13705365\rsid1370603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707817\rsid13708315\rsid13708796\rsid13709951\rsid13711600\rsid13716153\rsid13717175\rsid13721018\rsid13723157\rsid13724008\rsid13725841\rsid13727579\rsid13727965\rsid13729379\rsid13765012\rsid13765268\rsid13765845\rsid13768136\rsid1377153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772508\rsid13772837\rsid13773952\rsid13777169\rsid13777631\rsid13779897\rsid13781010\rsid13782379\rsid13783195\rsid13786004\rsid13786780\rsid13790312\rsid13791247\rsid13793907\rsid13828596\rsid13828895\rsid13829962\rsid13830560\rsid1383426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838206\rsid13842669\rsid13843080\rsid13845718\rsid13849140\rsid13852610\rsid13856222\rsid13856780\rsid13859244\rsid13859279\rsid13859778\rsid13893904\rsid13894496\rsid13895599\rsid13895951\rsid13898164\rsid13899660\rsid13900689\rsid1390124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901380\rsid13902480\rsid13904612\rsid13904740\rsid13905396\rsid13906635\rsid13906962\rsid13907053\rsid13910125\rsid13912172\rsid13913616\rsid13915747\rsid13916525\rsid13919258\rsid13919571\rsid13923621\rsid13924418\rsid13965253\rsid1396654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967438\rsid13967861\rsid13968275\rsid13968992\rsid13969036\rsid13970086\rsid13973577\rsid13974255\rsid13975105\rsid13976703\rsid13978627\rsid13979095\rsid13980111\rsid13981530\rsid13981587\rsid13982215\rsid13984607\rsid13988674\rsid1398934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3989965\rsid14025869\rsid14028715\rsid14028756\rsid14029301\rsid14029437\rsid14029998\rsid14031179\rsid14031955\rsid14033973\rsid14034449\rsid14034613\rsid14039021\rsid14043111\rsid14048780\rsid14049235\rsid14053311\rsid14055363\rsid1405662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090765\rsid14092066\rsid14092701\rsid14092821\rsid14093629\rsid14094757\rsid14096424\rsid14098506\rsid14098605\rsid14099604\rsid14102111\rsid14102144\rsid14111342\rsid14156424\rsid14156912\rsid14157093\rsid14158487\rsid14159028\rsid1416146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161894\rsid14162001\rsid14163103\rsid14163229\rsid14164648\rsid14166314\rsid14167056\rsid14168812\rsid14168988\rsid14170228\rsid14171518\rsid14172724\rsid14172960\rsid14173075\rsid14174493\rsid14175825\rsid14176799\rsid14177896\rsid14179127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180495\rsid14180529\rsid14181512\rsid14182020\rsid14183887\rsid14185964\rsid14186256\rsid14186535\rsid14223722\rsid14223967\rsid14224489\rs</w:t>
      </w:r>
      <w:r w:rsidRPr="000031EF">
        <w:rPr>
          <w:rFonts w:ascii="Courier New" w:hAnsi="Courier New" w:cs="Courier New"/>
          <w:lang w:val="en-US"/>
        </w:rPr>
        <w:lastRenderedPageBreak/>
        <w:t>id14226005\rsid14227572\rsid14231899\rsid14232056\rsid14233161\rsid14234120\rsid14234703\rsid1423479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236739\rsid14240584\rsid14243305\rsid14243954\rsid14244016\rsid14245811\rsid14246684\rsid14249356\rsid14250989\rsid14288813\rsid14291358\rsid14292325\rsid14294345\rsid14295767\rsid14296560\rsid14298653\rsid14299764\rsid14300346\rsid1430214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302443\rsid14304437\rsid14310313\rsid14313326\rsid14317445\rsid14318424\rsid14319501\rsid14354430\rsid14355656\rsid14359107\rsid14362560\rsid14365927\rsid14366661\rsid14368389\rsid14368929\rsid14372141\rsid14374246\rsid14374899\rsid1437564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379854\rsid14382802\rsid14383083\rsid14383102\rsid14383927\rsid14418276\rsid14418765\rsid14419866\rsid14422743\rsid14424688\rsid14424846\rsid14426456\rsid14429287\rsid14429595\rsid14431414\rsid14431508\rsid14432307\rsid14434123\rsid1443413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435795\rsid14436015\rsid14441946\rsid14442986\rsid14446093\rsid14448418\rsid14450637\rsid14485385\rsid14490802\rsid14494165\rsid14497550\rsid14503377\rsid14503709\rsid14504900\rsid14504901\rsid14510572\rsid14512948\rsid14514556\rsid1451463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516046\rsid14551428\rsid14551507\rsid14551986\rsid14552341\rsid14552692\rsid14554528\rsid14555098\rsid14555244\rsid14556860\rsid14557566\rsid14559980\rsid14562386\rsid14564141\rsid14565632\rsid14566483\rsid14569913\rsid14572271\rsid1457852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579266\rsid14615985\rsid14616525\rsid14617053\rsid14620456\rsid14621425\rsid14621994\rsid14622829\rsid14623393\rsid14625024\rsid14626027\rsid14626964\rsid14628752\rsid14631504\rsid14632451\rsid14632641\rsid14635852\rsid14639622\rsid1464334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643387\rsid14646485\rsid14647120\rsid14681117\rsid14686734\rsid14687451\rsid14688498\rsid14691369\rsid14696307\rsid14696359\rsid14701126\rsid14701285\rsid14701504\rsid14702836\rsid14704077\rsid14706466\rsid14707363\rsid14709207\rsid1471114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711271\rsid14711760\rsid14712500\rsid14747860\rsid14755359\rsid14760196\rsid14760400\rsid14761014\rsid14763049\rsid14763369\rsid14766294\rsid14766768\rsid14767943\rsid14770037\rsid14771570\rsid14771745\rsid14776012\rsid14811971\rsid1481311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814155\rsid14817083\rsid14818374\rsid14818693\rsid14818830\rsid14821703\rsid14822989\rsid14824577\rsid14824928\rsid14825824\rsid14829973\rsid14830148\rsid14839773\rsid14840754\rsid14842316\rsid14843329\rsid14876874\rsid14879903\rsid1488014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881793\rsid14885439\rsid14886417\rsid14887714\rsid14888762\rsid14889672\rsid14890418\rsid14891334\rsid14892432\rsid14895189\rsid14896601\rsid14898677\rsid14900234\rsid14900320\rsid14904393\rsid14904774\rsid14904859\rsid14908462\rsid1490907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4943194\rsid14944583\rsid14946813\rsid14947348\rsid14951805\rsid14952534\rsid14953942\rsid14954439\rsid14957130\rsid14958137\rsid14960290\rsid14960957\rsid14969836\rsid14973796\rsid14974303\rsid15007845\rsid15011683\rsid15013256\rsid1501326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014925\rsid15017517\rsid15020576\rsid15022557\rsid15023015\rsid15025101\rsid15026227\rsid15033333\rsid15036933\rsid15037400\rsid15037693\rsid15039488\rsid15075049\rsid15075842\rsid15076664\rsid15077359\rsid15077405\rsid15079599\rsid1507980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079912\rsid15081240\rsid15082288\rsid15083730\rsid15084769\rsid15088096\rsid15088486\rsid15090161\rsid15092842\rsid15093894\rsid15095760\rsid15096479\rsid15096608\rsid15098323\rsid15101826\rsid15102877\rsid15105290\rsid15139228\rsid1514070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141858\rsid15142621\rsid15144936\rsid15144990\rsid15146276\rsid15150941\rsid15153339\rsid15159084\rsid15164182\rsid15164733\rsid15164744\rsid15167610\rsid15168938\rsid15206520\rsid15207441\rsid15207529\rsid15208937\rsid15209959\rsid1521661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217322\rsid15217484\rsid15218623\rsid15220115\rsid15220484\rsid15222433\rsid15222876\rsid15224556\rsid15228302\rsid15229110\rsid15233746\rs</w:t>
      </w:r>
      <w:r w:rsidRPr="000031EF">
        <w:rPr>
          <w:rFonts w:ascii="Courier New" w:hAnsi="Courier New" w:cs="Courier New"/>
          <w:lang w:val="en-US"/>
        </w:rPr>
        <w:lastRenderedPageBreak/>
        <w:t>id15236629\rsid15271625\rsid15273928\rsid15274632\rsid15275333\rsid15276700\rsid15277449\rsid1527878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279475\rsid15280527\rsid15284176\rsid15284921\rsid15285484\rsid15287462\rsid15290546\rsid15290728\rsid15291433\rsid15292938\rsid15293363\rsid15298187\rsid15299637\rsid15301798\rsid15335485\rsid15336404\rsid15338130\rsid15338211\rsid1533833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342505\rsid15344111\rsid15346589\rsid15347982\rsid15353807\rsid15355584\rsid15359220\rsid15361541\rsid15362935\rsid15363370\rsid15365234\rsid15367126\rsid15405247\rsid15406371\rsid15411713\rsid15413898\rsid15418064\rsid15418493\rsid1542469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424740\rsid15425180\rsid15430205\rsid15432047\rsid15466841\rsid15467096\rsid15467568\rsid15471047\rsid15471576\rsid15475376\rsid15477631\rsid15479035\rsid15480905\rsid15481019\rsid15481995\rsid15485016\rsid15487965\rsid15487985\rsid1548834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491990\rsid15495298\rsid15496902\rsid15497005\rsid15497845\rsid15498547\rsid15537190\rsid15539143\rsid15541377\rsid15543759\rsid15544920\rsid15546856\rsid15547629\rsid15549554\rsid15549797\rsid15552025\rsid15554879\rsid15557396\rsid15558069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561503\rsid15600083\rsid15603955\rsid15604776\rsid15605508\rsid15607046\rsid15608683\rsid15612957\rsid15613297\rsid15617214\rsid15617285\rsid15618802\rsid15619417\rsid15620694\rsid15620790\rsid15621590\rsid15622715\rsid15623128\rsid1562354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627003\rsid15627311\rsid15664020\rsid15665939\rsid15666178\rsid15668113\rsid15669618\rsid15670808\rsid15671770\rsid15672320\rsid15674408\rsid15675062\rsid15675211\rsid15676030\rsid15676429\rsid15676530\rsid15677273\rsid15681017\rsid1568286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686284\rsid15686349\rsid15686974\rsid15688135\rsid15694738\rsid15729044\rsid15731872\rsid15733892\rsid15734245\rsid15734849\rsid15734913\rsid15736114\rsid15745786\rsid15747339\rsid15753131\rsid15754788\rsid15756583\rsid15756880\rsid1575759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758101\rsid15795145\rsid15796263\rsid15798906\rsid15799788\rsid15800498\rsid15800617\rsid15801726\rsid15804331\rsid15807455\rsid15811044\rsid15813374\rsid15815035\rsid15819379\rsid15822228\rsid15823398\rsid15860496\rsid15864604\rsid1586513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867130\rsid15870832\rsid15872721\rsid15874190\rsid15875792\rsid15879162\rsid15884811\rsid15887833\rsid15889753\rsid15890430\rsid15926421\rsid15926609\rsid15927052\rsid15928535\rsid15930891\rsid15934248\rsid15936051\rsid15936432\rsid1593665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5937177\rsid15938167\rsid15938614\rsid15940891\rsid15943592\rsid15946495\rsid15948568\rsid15950097\rsid15950496\rsid15951947\rsid15952275\rsid15957218\rsid15996190\rsid15998151\rsid15999882\rsid16001319\rsid16003821\rsid16008958\rsid16010208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019021\rsid16058472\rsid16059685\rsid16060435\rsid16064178\rsid16064904\rsid16065920\rsid16072152\rsid16073715\rsid16073744\rsid16074889\rsid16075263\rsid16078358\rsid16079892\rsid16084746\rsid16085029\rsid16085184\rsid16086631\rsid16087243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122488\rsid16123380\rsid16123726\rsid16125162\rsid16126588\rsid16127642\rsid16128228\rsid16128384\rsid16131576\rsid16131901\rsid16133306\rsid16134203\rsid16134338\rsid16137780\rsid16142378\rsid16143272\rsid16192165\rsid16192267\rsid16193142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196231\rsid16197204\rsid16198031\rsid16198298\rsid16199809\rsid16200673\rsid16200932\rsid16201671\rsid16202932\rsid16204900\rsid16205347\rsid16208368\rsid16209032\rsid16210205\rsid16210233\rsid16213200\rsid16213283\rsid16214008\rsid1621668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218456\rsid16218899\rsid16253167\rsid16254068\rsid16258891\rsid16262279\rsid16263369\rsid16263955\rsid16271142\rsid16272580\rsid16283269\rsid16320372\rsid16321651\rsid16322201\rsid16325353\rsid16325422\rsid16326995\rsid16329446\rsid16335050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335191\rsid16340510\rsid16342784\rsid16347813\rsid16386084\rsid16392380\rsid16393306\rsid16399587\rsid16400551\rsid16402485\rsid16406456\rs</w:t>
      </w:r>
      <w:r w:rsidRPr="000031EF">
        <w:rPr>
          <w:rFonts w:ascii="Courier New" w:hAnsi="Courier New" w:cs="Courier New"/>
          <w:lang w:val="en-US"/>
        </w:rPr>
        <w:lastRenderedPageBreak/>
        <w:t>id16407165\rsid16410895\rsid16410966\rsid16414187\rsid16415861\rsid16416254\rsid16416540\rsid16452754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457821\rsid16458568\rsid16460088\rsid16462360\rsid16463020\rsid16463226\rsid16463236\rsid16467425\rsid16468380\rsid16471601\rsid16472895\rsid16478025\rsid16480025\rsid16480236\rsid16482113\rsid16517046\rsid16517496\rsid16519247\rsid16520446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523832\rsid16524403\rsid16527218\rsid16528530\rsid16530496\rsid16530643\rsid16531542\rsid16532721\rsid16534238\rsid16534487\rsid16540372\rsid16540742\rsid16543655\rsid16544260\rsid16545006\rsid16545020\rsid16545103\rsid16546113\rsid1654723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547568\rsid16580631\rsid16585219\rsid16588198\rsid16589452\rsid16590670\rsid16592966\rsid16593055\rsid16599769\rsid16600336\rsid16602409\rsid16605472\rsid16606412\rsid16653917\rsid16656051\rsid16657256\rsid16658418\rsid16659509\rsid1666081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664326\rsid16666530\rsid16668874\rsid16674435\rsid16677678\rsid16712623\rsid16714271\rsid16715704\rsid16717409\rsid16718300\rsid16720529\rsid16724765\rsid16725467\rsid16730131\rsid16731551\rsid16733476\rsid16733664\rsid16733876\rsid16734375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rsid16737637\rsid16738634\rsid16738788\rsid16740400\rsid16741412\rsid16742501\rsid16744002}{\mmathPr\mmathFont34\mbrkBin0\mbrkBinSub0\msmallFrac0\mdispDef1\mlMargin0\mrMargin0\mdefJc1\mwrapIndent1440\mintLim0\mnaryLim1}{\info{\author Admin}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{\operator User}{\creatim\yr2016\mo5\dy26\hr9\min11}{\revtim\yr2016\mo5\dy26\hr9\min14}{\version3}{\edmins0}{\nofpages1}{\nofwords143}{\nofchars821}{\*\company Three Channel}{\nofcharsws963}{\vern49167}}{\*\xmlnstbl {\xmlns1 http://schemas.microsoft.com/o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 xml:space="preserve">ffice/word/2003/wordml}}\paperw16838\paperh11906\margl1701\margr850\margt568\margb709\gutter0\ltrsect 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deftab708\widowctrl\ftnbj\aenddoc\trackmoves0\trackformatting1\donotembedsysfont1\relyonvml0\donotembedlingdata0\grfdocevents0\validatexml1\showplaceholdtext0\ignoremixedcontent0\saveinvalidxml0\showxmlerrors1</w:t>
      </w:r>
    </w:p>
    <w:p w:rsidR="00E4663F" w:rsidRPr="000031EF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031EF">
        <w:rPr>
          <w:rFonts w:ascii="Courier New" w:hAnsi="Courier New" w:cs="Courier New"/>
          <w:lang w:val="en-US"/>
        </w:rPr>
        <w:t>\noxlattoyen\expshrtn\noultrlspc\dntblnsbdb\nospaceforul\formshade\horzdoc\dgmargin\dghspace110\dgvspace180\dghorigin1701\dgvorigin568\dghshow2\dgvshow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jexpand\viewkind1\viewscale90\pgbrdrhead\pgbrdrfoot\splytwnine\ftnlytwnine\htmautsp\nolnhtadjtbl\useltbaln\alntblind\lytcalctblwd\lyttblrtgr\lnbrkrule\nobrkwrptbl\snaptogridincell\allowfieldendsel\wrppunc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asianbrkrule\rsidroot11625427\newtblstyruls\nogrowautofit\usenormstyforlist\noindnmbrts\felnbrelev\nocxsptable\indrlsweleven\noafcnsttbl\afelev\utinl\hwelev\spltpgpar\notcvasp\notbrkcnstfrctbl\notvatxbx\krnprsnet\cachedcolbal \nouicompat \fet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{\*\wgrffmtfilter 2450}\nofeaturethrottle1\ilfomacatclnup0\ltrpar \sectd \ltrsect\lndscpsxn\linex0\headery708\footery708\colsx708\endnhere\sectlinegrid360\sectdefaultcl\sectrsid9731917\sftnbj {\*\pnseclvl1\pnucrm\pnstart1\pnindent720\pnhang {\pntxta .}}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{\*\pnseclvl2\pnucltr\pnstart1\pnindent720\pnhang {\pntxta .}}{\*\pnseclvl3\pndec\pnstart1\pnindent720\pnhang {\pntxta .}}{\*\pnseclvl4\pnlcltr\pnstart1\pnindent720\pnhang {\pntxta )}}{\*\pnseclvl5\pndec\pnstart1\pnindent720\pnhang {\pntxtb (}{\pntxta )}}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{\*\pnseclvl6\pnlcltr\pnstart1\pnindent720\pnhang {\pntxtb (}{\pntxta )}}{\*\pnseclvl7\pnlcrm\pnstart1\pnindent720\pnhang {\pntxtb (}{\pntxta )}}{\*\pnseclvl8\pnlcltr\pnstart1\pnindent720\pnhang {\pntxtb (}{\pntxta )}}{\*\pnseclvl9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pnlcrm\pnstart1\pnindent720\pnhang {\pntxtb (}{\pntxta )}}\pard\plain \ltrpar\s16\qc \li0\ri0\sb105\sl276\slmult1\widctlpar\wrapdefault\faauto\rin0\lin0\itap0\pararsid1051230 \rtlch\fcs1 \af1\afs24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fs24\lang1049\langfe1049\loch\af1\hich\af1\dbch\af31505\cgrid\langnp1049\langfenp1049 {\rtlch\fcs1 \af1 \ltrch\fcs0 </w:t>
      </w:r>
      <w:r w:rsidRPr="000C5150">
        <w:rPr>
          <w:rFonts w:ascii="Courier New" w:hAnsi="Courier New" w:cs="Courier New"/>
          <w:lang w:val="en-US"/>
        </w:rPr>
        <w:lastRenderedPageBreak/>
        <w:t>\cs15\expnd20\expndtw100\insrsid1051230\charrsid1051230 \loch\af1\dbch\af31505\hich\f1 \'d1\'c2\'c5\'c4\'c5\'cd\'c8\'d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par }\pard \ltrpar\s16\qc \li0\ri0\sb195\sl276\slmult1\widctlpar\wrapdefault\faauto\rin0\lin0\itap0\pararsid1051230 {\rtlch\fcs1 \af1 \ltrch\fcs0 \cs15\insrsid1051230\charrsid1051230 \loch\af1\dbch\af31505\hich\f1 \'ee\loch\f1 \hich\f1  \'e4\'ee\'f5\'ee\'e4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'e0\'f5\loch\f1 \hich\f1 , \'e8\'ec\'f3\'f9\'e5\'f1\'f2\'e2\'e5\loch\f1 \hich\f1  \'e8\loch\f1 \hich\f1  \'ee\'e1\'ff\'e7\'e0\'f2\'e5\'eb\'fc\'f1\'f2\'e2\'e0\'f5\loch\f1 \hich\f1  \'e8\'ec\'f3\'f9\'e5\'f1\'f2\'e2\'e5\'ed\'ed\'ee\'e3\'ee\loch\f1 \hich\f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 \'f5\'e0\'f0\'e0\'ea\'f2\'e5\'f0\'e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par }\pard\plain \ltrpar\s17\qc \li0\ri0\sl276\slmult1\widctlpar\wrapdefault\faauto\rin0\lin0\itap0\pararsid1051230 \rtlch\fcs1 \af1\afs24\alang1025 \ltrch\fcs0 \fs24\lang1049\langfe1049\loch\af1\hich\af1\dbch\af31505\cgrid\langnp1049\langfenp1049 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rtlch\fcs1 \ab\af1 \ltrch\fcs0 \cs18\ul\insrsid2834972 \loch\af1\dbch\af31505\hich\f1 \'e4\'e5\'ef\'f3\'f2\'e0\'f2\'e0\loch\f1 \hich\f1  \'ec\'f3\'ed\'e8\'f6\'e8\'ef\'e0\'eb\'fc\'ed\'ee\'e3\'ee\loch\f1 \hich\f1  \'ee\'e1\'f0\'e0\'e7\'ee\'e2\'e0\'ed\'e8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'ff\loch\f1 \hich\f1  \'ab\'d2\'f0\'b8\'f5\'ef\'f0\'ee\'f2\'ee\'ea\'f1\'ea\'e8\'e9\loch\f1 \hich\f1  \'f1\'e5\'eb\'fc\'f1\'ee\'e2\'e5\'f2\'bb}{\rtlch\fcs1 \ab\af1 \ltrch\fcs0 \cs18\ul\insrsid1051230\charrsid347584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par }\pard\plain \ltrpar\s16\qc \li0\ri0\sl276\slmult1\widctlpar\tlul\tx13785\wrapdefault\faauto\rin0\lin0\itap0\pararsid2834972 \rtlch\fcs1 \af1\afs24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fs24\lang1049\langfe1049\loch\af1\hich\af1\dbch\af31505\cgrid\langnp1049\langfenp1049 {\rtlch\fcs1 \af1 \ltrch\fcs0 \cs15\insrsid1051230\charrsid1051230 \loch\af1\dbch\af31505\hich\f1 \'e8\loch\f1 \hich\f1  \'f7\'eb\'e5\'ed\'ee\'e2\loch\f1 \hich\f1  \'e5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}{\rtlch\fcs1 \af1 \ltrch\fcs0 \cs15\insrsid15753131 \loch\af1\dbch\af31505\hich\f1 \'e3\'ee}{\rtlch\fcs1 \af1 \ltrch\fcs0 \cs15\insrsid1051230\charrsid1051230 \hich\af1\dbch\af31505\loch\f1 \hich\f1  \'f1\'e5\'ec\'fc\'e8\loch\f1 \hich\f1  \'e7\'e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och\f1 \hich\f1  \'ef\'e5\'f0\'e8\'ee\'e4\loch\f1  \loch\af1\dbch\af31505\hich\f1 \'f1\loch\f1 \hich\f1  1 \'ff\'ed\'e2\'e0\'f0\'ff\loch\f1 \hich\f1  \'ef\'ee\loch\f1 \hich\f1  31 \'e4\'e5\'ea\'e0\'e1\'f0\'ff\loch\f1  20}{\rtlch\fcs1 \af1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15\insrsid3475845 \hich\af1\dbch\af31505\loch\f1 1}{\rtlch\fcs1 \af1 \ltrch\fcs0 \cs15\insrsid2836492 \hich\af1\dbch\af31505\loch\f1 5}{\rtlch\fcs1 \af1 \ltrch\fcs0 \cs15\insrsid3475845 \hich\af1\dbch\af31505\loch\f1  }{\rtlch\fcs1 \af1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15\expnd-7\expndtw-40\insrsid2834972 \loch\af1\dbch\af31505\hich\f1 \'e3.}{\rtlch\fcs1 \af1 \ltrch\fcs0 \cs15\insrsid105123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par }\pard \ltrpar\s16\qc \li0\ri0\sl276\slmult1\widctlpar\wrapdefault\faauto\rin0\lin0\itap0\pararsid1051230 {\rtlch\fcs1 \af1 \ltrch\fcs0 \cs15\insrsid5333666\charrsid105123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par \ltrrow}\trowd \irow0\irowband0\ltrrow\ts11\trgaph40\trleft0\trftsWidth3\trwWidth14459\trftsWidthB3\trpaddl40\trpaddr40\trpaddfl3\trpaddft3\trpaddfb3\trpaddfr3\tblrsid12862074\tblind40\tblindtype3 \clvertalt\clbrdrt\brdrs\brdrw15 \clbrdrl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brdrb\brdrnone \clbrdrr\brdrs\brdrw15 \cltxlrtb\clftsWidth3\clwWidth2268\clshdrawnil \cellx2268\clvertalt\clbrdrt\brdrs\brdrw15 \clbrdrl\brdrs\brdrw15 \clbrdrb\brdrnone \clbrdrr\brdrs\brdrw15 \cltxlrtb\clftsWidth3\clwWidth1843\clshdrawnil \cellx411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>\clvertalc\clbrdrt\brdrs\brdrw15 \clbrdrl\brdrs\brdrw15 \clbrdrb\brdrs\brdrw15 \clbrdrr\brdrs\brdrw15 \cltxlrtb\clftsWidth3\clwWidth6237\clshdrawnil \cellx10348\clvertalc\clbrdrt\brdrs\brdrw15 \clbrdrl\brdrs\brdrw15 \clbrdrb\brdrs\brdrw15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5 \cltxlrtb\clftsWidth3\clwWidth4111\clshdrawnil \cellx14459\pard\plain \ltrpar\s21\ql \li2385\ri0\sl276\slmult1\widctlpar\intbl\wrapdefault\faauto\rin0\lin2385\pararsid7213784 \rtlch\fcs1 \af1\afs24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fs24\lang1049\langfe1049\loch\af1\hich\af1\dbch\af31505\cgrid\langnp1049\langfenp1049 {\rtlch\fcs1 \ab\af1\afs20 \ltrch\fcs0 \cs25\b\fs20\insrsid1051230\charrsid7677893 \cell }\pard\plain \ltrpar\s22\qc \li0\ri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faauto\rin0\lin0\pararsid11085905 \rtlch\fcs1 \af1\afs24\alang1025 \ltrch\fcs0 \fs24\lang1049\langfe1049\loch\af1\hich\af1\dbch\af31505\cgrid\langnp1049\langfenp1049 {\rtlch\fcs1 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s15\fs20\insrsid1051230\charrsid7677893 \loch\af1\dbch\af31505\hich\f1 \'c4\'e5\'ea\'eb\'e0\'f0\'e8\'f0\'ee\'e2\'e0\'ed\'ed\'fb\'e9}{\rtlch\fcs1 \af1\afs20 \ltrch\fcs0 \cs15\fs20\insrsid13200645\charrsid7677893 \hich\af1\dbch\af31505\loch\f1  }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rtlch\fcs1 \af1\afs20 \ltrch\fcs0 \cs15\fs20\insrsid1051230\charrsid7677893 \loch\af1\dbch\af31505\hich\f1 \'e3\'ee\'e4\'ee\'e2\'ee\'e9}{\rtlch\fcs1 \af1\afs20 \ltrch\fcs0 \cs15\fs20\insrsid13200645\charrsid7677893 \hich\af1\dbch\af31505\loch\f1  }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rtlch\fcs1 \af1\afs20 \ltrch\fcs0 \cs15\fs20\insrsid1051230\charrsid7677893 \loch\af1\dbch\af31505\hich\f1 \'e4\'ee\'f5\'ee\'e4}{\rtlch\fcs1 \af1\afs20 \ltrch\fcs0 \cs15\fs20\insrsid13200645\charrsid7677893 \hich\af1\dbch\af31505\loch\f1 \hich\f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         \'e7\'e0\loch\f1  20}{\rtlch\fcs1 \af1\afs20 \ltrch\fcs0 \cs15\fs20\insrsid3475845\charrsid7677893 \hich\af1\dbch\af31505\loch\f1 1}{\rtlch\fcs1 \af1\afs20 \ltrch\fcs0 \cs15\fs20\insrsid4677685\charrsid7677893 \hich\af1\dbch\af31505\loch\f1 5}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rtlch\fcs1 \af1\afs20 \ltrch\fcs0 \cs15\fs20\insrsid3475845\charrsid7677893 \hich\af1\dbch\af31505\loch\f1  }{\rtlch\fcs1 \af1\afs20 \ltrch\fcs0 \cs15\fs20\insrsid1051230\charrsid7677893 \loch\af1\dbch\af31505\hich\f1 \'e3.}{\rtlch\fcs1 \af1\afs2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trch\fcs0 \cs15\fs20\insrsid13200645\charrsid7677893 \hich\af1\dbch\af31505\loch\f1  }{\rtlch\fcs1 \af1\afs20 \ltrch\fcs0 \cs15\fs20\insrsid1051230\charrsid7677893 \hich\af1\dbch\af31505\loch\f1 \hich\f1 (\'f0\'f3\'e1\'eb\'e5\'e9\loch\f1 )}{\rtlch\fcs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af1\afs20 \ltrch\fcs0 \cs15\fs20\super\insrsid1051230\charrsid7677893 \cell }\pard \ltrpar\s22\qc \li-40\ri-40\sl276\slmult1\widctlpar\intbl\wrapdefault\faauto\rin-40\lin-40\pararsid16724765 {\rtlch\fcs1 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s15\fs20\insrsid1051230\charrsid7677893 \loch\af1\dbch\af31505\hich\f1 \'cf\'e5\'f0\'e5\'f7\'e5\'ed\'fc\loch\f1 \hich\f1  \'ee\'e1\'fa\'e5\'ea\'f2\'ee\'e2\loch\f1 \hich\f1  \'ed\'e5\'e4\'e2\'e8\'e6\'e8\'ec\'ee\'e3\'ee\loch\f1 \hich\f1  \'e8\'ec\'f3\'f9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'e5\'f1\'f2\'e2\'e0\loch\f1 \hich\f1  \'e8}{\rtlch\fcs1 \af1\afs20 \ltrch\fcs0 \cs15\fs20\insrsid16724765\charrsid7677893 \hich\af1\dbch\af31505\loch\f1  }{\rtlch\fcs1 \af1\afs20 \ltrch\fcs0 \cs15\fs20\insrsid1051230\charrsid7677893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och\af1\dbch\af31505\hich\f1 \'f2\'f0\'e0\'ed\'f1\'ef\'ee\'f0\'f2\'ed\'fb\'f5\loch\f1 \hich\f1  \'f1\'f0\'e5\'e4\'f1\'f2\'e2\loch\f1 \hich\f1 , </w:t>
      </w:r>
      <w:r w:rsidRPr="000C5150">
        <w:rPr>
          <w:rFonts w:ascii="Courier New" w:hAnsi="Courier New" w:cs="Courier New"/>
          <w:lang w:val="en-US"/>
        </w:rPr>
        <w:lastRenderedPageBreak/>
        <w:t>\'ef\'f0\'e8\'ed\'e0\'e4\'eb\'e5\'e6\'e0\'f9\'e8\'f5\loch\f1 \hich\f1  \'ed\'e0\loch\f1 \hich\f1  \'ef\'f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'e0\'e2\'e5}{\rtlch\fcs1 \af1\afs20 \ltrch\fcs0 \cs15\fs20\insrsid16724765\charrsid7677893 \hich\af1\dbch\af31505\loch\f1  }{\rtlch\fcs1 \af1\afs20 \ltrch\fcs0 \cs15\fs20\insrsid1051230\charrsid7677893 \loch\af1\dbch\af31505\hich\f1 \'f1\'ee\'e1\'f1\'f2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'e2\'e5\'ed\'ed\'ee\'f1\'f2\'e8\cell }\pard \ltrpar\s22\qc \li285\ri0\sl276\slmult1\widctlpar\intbl\wrapdefault\faauto\rin0\lin285\pararsid15951947 {\rtlch\fcs1 \af1\afs20 \ltrch\fcs0 \cs15\fs20\insrsid1051230\charrsid7677893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och\af1\dbch\af31505\hich\f1 \'cf\'e5\'f0\'e5\'f7\'e5\'ed\'fc\loch\f1 \hich\f1  \'ee\'e1\'fa\'e5\'ea\'f2\'ee\'e2\loch\f1 \hich\f1  \'ed\'e5\'e4\'e2\'e8\'e6\'e8\'ec\'ee\'e3\'ee}{\rtlch\fcs1 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s15\fs20\insrsid15951947\charrsid7677893 \hich\af1\dbch\af31505\loch\f1  }{\rtlch\fcs1 \af1\afs20 \ltrch\fcs0 \cs15\fs20\insrsid1051230\charrsid7677893 \loch\af1\dbch\af31505\hich\f1 \'e8\'ec\'f3\'f9\'e5\'f1\'f2\'e2\'e0\loch\f1 \hich\f1 , \'ed\'e0\'f5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'ee\'e4\'ff\'f9\'e8\'f5\'f1\'ff\loch\f1 \hich\f1  \'e2}{\rtlch\fcs1 \af1\afs20 \ltrch\fcs0 \cs15\fs20\insrsid15951947\charrsid7677893 \hich\af1\dbch\af31505\loch\f1  }{\rtlch\fcs1 \af1\afs20 \ltrch\fcs0 \cs15\fs20\insrsid1051230\charrsid7677893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och\af1\dbch\af31505\hich\f1 \'ef\'ee\'eb\'fc\'e7\'ee\'e2\loch\af1\dbch\af31505\hich\f1 \'e0\'ed\'e8\'e8\cell }\pard\plain \ltrpar\ql \li0\ri0\sa200\sl276\slmult1\widctlpar\intbl\wrapdefault\aspalpha\aspnum\faauto\adjustright\rin0\lin0 \rtlch\fcs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af0\afs22\alang1025 \ltrch\fcs0 \fs22\lang1049\langfe1049\loch\af31506\hich\af31506\dbch\af31505\cgrid\langnp1049\langfenp1049 {\rtlch\fcs1 \af0 \ltrch\fcs0 \insrsid1051230\charrsid7677893 \trowd \irow0\irowband0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2862074\tblind40\tblindtype3 \clvertalt\clbrdrt\brdrs\brdrw15 \clbrdrl\brdrs\brdrw15 \clbrdrb\brdrnone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5 \cltxlrtb\clftsWidth3\clwWidth2268\clshdrawnil \cellx2268\clvertalt\clbrdrt\brdrs\brdrw15 \clbrdrl\brdrs\brdrw15 \clbrdrb\brdrnone \clbrdrr\brdrs\brdrw15 \cltxlrtb\clftsWidth3\clwWidth1843\clshdrawnil \cellx4111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5 \clbrdrl\brdrs\brdrw15 \clbrdrb\brdrs\brdrw15 \clbrdrr\brdrs\brdrw15 \cltxlrtb\clftsWidth3\clwWidth6237\clshdrawnil \cellx10348\clvertalc\clbrdrt\brdrs\brdrw15 \clbrdrl\brdrs\brdrw15 \clbrdrb\brdrs\brdrw15 \clbrdrr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txlrtb\clftsWidth3\clwWidth4111\clshdrawnil \cellx14459\row \ltrrow}\trowd \irow1\irowband1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2862074\tblind40\tblindtype3 \clvertalt\clbrdrt\brdrnone \clbrdrl\brdrs\brdrw15 \clbrdrb\brdrs\brdrw15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5 \cltxlrtb\clftsWidth3\clwWidth2268\clshdrawnil \cellx2268\clvertalt\clbrdrt\brdrnone \clbrdrl\brdrs\brdrw15 \clbrdrb\brdrs\brdrw15 \clbrdrr\brdrs\brdrw15 \cltxlrtb\clftsWidth3\clwWidth1843\clshdrawnil \cellx4111\clvertalt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5 \clbrdrl\brdrs\brdrw15 \clbrdrb\brdrs\brdrw15 \clbrdrr\brdrs\brdrw15 \cltxlrtb\clftsWidth3\clwWidth1843\clshdrawnil \cellx5954\clvertalt\clbrdrt\brdrs\brdrw15 \clbrdrl\brdrs\brdrw15 \clbrdrb\brdrs\brdrw15 \clbrdrr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 xml:space="preserve">\cltxlrtb\clftsWidth3\clwWidth1134\clshdrawnil \cellx7088\clvertalt\clbrdrt\brdrs\brdrw15 \clbrdrl\brdrs\brdrw15 \clbrdrb\brdrs\brdrw15 \clbrdrr\brdrs\brdrw15 \cltxlrtb\clftsWidth3\clwWidth1559\clshdrawnil \cellx8647\clvertalt\clbrdrt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5 \clbrdrb\brdrs\brdrw15 \clbrdrr\brdrs\brdrw15 \cltxlrtb\clftsWidth3\clwWidth1701\clshdrawnil \cellx10348\clvertalt\clbrdrt\brdrs\brdrw15 \clbrdrl\brdrs\brdrw15 \clbrdrb\brdrs\brdrw15 \clbrdrr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559\clshdrawnil \cellx11907\clvertalt\clbrdrt\brdrs\brdrw15 \clbrdrl\brdrs\brdrw15 \clbrdrb\brdrs\brdrw15 \clbrdrr\brdrs\brdrw15 \cltxlrtb\clftsWidth3\clwWidth993\clshdrawnil \cellx12900\clvertalt\clbrdrt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brdrl\brdrs\brdrw15 \clbrdrb\brdrs\brdrw15 \clbrdrr\brdrs\brdrw15 \cltxlrtb\clftsWidth3\clwWidth1559\clshdrawnil \cellx14459\pard \ltrpar\ql \li0\ri0\sa20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aspalpha\aspnum\faauto\adjustright\rin0\lin0\pararsid7213784 {\rtlch\fcs1 \af1\afs20 \ltrch\fcs0 \cs15\f1\fs20\insrsid1051230\charrsid7677893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par \cell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par \cell }\pard\plain \ltrpar\s22\qc \li0\ri0\sl276\slmult1\widctlpar\intbl\wrapdefault\faauto\rin0\lin0\pararsid16724765 \rtlch\fcs1 \af1\afs24\alang1025 \ltrch\fcs0 \fs24\lang1049\langfe1049\loch\af1\hich\af1\dbch\af31505\cgrid\langnp1049\langfenp1049 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rtlch\fcs1 \af1\afs20 \ltrch\fcs0 \cs15\fs20\insrsid1051230\charrsid7677893 \loch\af1\dbch\af31505\hich\f1 \'e2\'e8\'e4\loch\f1 \hich\f1  \'e8}{\rtlch\fcs1 \af1\afs20 \ltrch\fcs0 \cs15\fs20\insrsid16724765\charrsid7677893 \hich\af1\dbch\af31505\loch\f1 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}{\rtlch\fcs1 \af1\afs20 \ltrch\fcs0 \cs15\fs20\insrsid1051230\charrsid7677893 \loch\af1\dbch\af31505\hich\f1 \'ed\'e0\'e8\'ec\'e5\'ed\'ee\'e2\'e0\'ed\'e8\'e5}{\rtlch\fcs1 \af1\afs20 \ltrch\fcs0 \cs15\fs20\insrsid16724765\charrsid7677893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hich\af1\dbch\af31505\loch\f1  }{\rtlch\fcs1 \af1\afs20 \ltrch\fcs0 \cs15\fs20\insrsid1051230\charrsid7677893 \loch\af1\dbch\af31505\hich\f1 \'e8\'ec\'f3\'f9\'e5\'f1\'f2\'e2\'e0}{\rtlch\fcs1 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15\fs20\super\insrsid1051230\charrsid7677893 \cell }{\rtlch\fcs1 \af1\afs20 \ltrch\fcs0 \cs15\fs20\insrsid16724765\charrsid7677893 \loch\af1\dbch\af31505\hich\f1 \'ef\'eb\'ee\'f9\'e0\'e4\'fc\loch\f1  }{\rtlch\fcs1 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s15\fs20\insrsid1051230\charrsid7677893 \hich\af1\dbch\af31505\loch\f1 \hich\f1 (\'ea\'e2\loch\f1 \hich\f1 . \'ec\loch\f1 )\cell }{\rtlch\fcs1 \af1\afs20 \ltrch\fcs0 \cs15\fs20\insrsid16724765\charrsid7677893 \loch\af1\dbch\af31505\hich\f1 \'f1\'f2\'f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'e0\'ed\'e0\loch\f1  }{\rtlch\fcs1 \af1\afs20 \ltrch\fcs0 \cs15\fs20\insrsid1051230\charrsid7677893 \loch\af1\dbch\af31505\hich\f1 \'f0\'e0\'f1\'ef\'ee\'eb\'ee\'e6\'e5\'ed\'e8\'ff\cell }\pard \ltrpar\s22\qc \li0\ri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widctlpar\intbl\wrapdefault\faauto\rin0\lin0\pararsid15671770 {\rtlch\fcs1 \af1\afs20 \ltrch\fcs0 \cs15\fs20\insrsid1051230\charrsid7677893 \loch\af1\dbch\af31505\hich\f1 \'e2\'e8\'e4\loch\f1 \hich\f1  \'e8\loch\f1 \hich\f1  \'ec\'e0\'f0\'ea\'e0}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rtlch\fcs1 \af1\afs20 \ltrch\fcs0 \cs15\fs20\insrsid15671770\charrsid7677893 \hich\af1\dbch\af31505\loch\f1  }{\rtlch\fcs1 \af1\afs20 \ltrch\fcs0 \cs15\fs20\insrsid1051230\charrsid7677893 \loch\af1\dbch\af31505\hich\f1 \'f2\'f0\'e0\'ed\'f1\'ef\'ee\'f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'f2\'ed\'ee\'e3\'ee}{\rtlch\fcs1 \af1\afs20 \ltrch\fcs0 \cs15\fs20\insrsid15671770\charrsid7677893 \hich\af1\dbch\af31505\loch\f1  </w:t>
      </w:r>
      <w:r w:rsidRPr="000C5150">
        <w:rPr>
          <w:rFonts w:ascii="Courier New" w:hAnsi="Courier New" w:cs="Courier New"/>
          <w:lang w:val="en-US"/>
        </w:rPr>
        <w:lastRenderedPageBreak/>
        <w:t>}{\rtlch\fcs1 \af1\afs20 \ltrch\fcs0 \cs15\fs20\insrsid1051230\charrsid7677893 \loch\af1\dbch\af31505\hich\f1 \'f1\'f0\'e5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'e4\'f1\'f2\'e2\'e0}{\rtlch\fcs1 \af1\afs20 \ltrch\fcs0 \cs15\fs20\super\insrsid1051230\charrsid7677893 \cell }\pard \ltrpar\s22\qc \li0\ri0\sl276\slmult1\widctlpar\intbl\wrapdefault\faauto\rin0\lin0\pararsid15951947 {\rtlch\fcs1 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15\fs20\insrsid1051230\charrsid7677893 \loch\af1\dbch\af31505\hich\f1 \'e2\'e8\'e4\loch\f1 \hich\f1  \'e8}{\rtlch\fcs1 \af1\afs20 \ltrch\fcs0 \cs15\fs20\insrsid15951947\charrsid7677893 \hich\af1\dbch\af31505\loch\f1  }{\rtlch\fcs1 \af1\afs2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trch\fcs0 \cs15\fs20\insrsid1051230\charrsid7677893 \loch\af1\dbch\af31505\hich\f1 \'ed\'e0\'e8\'ec\'e5\'ed\'ee\'e2\'e0\'ed\'e8\'e5}{\rtlch\fcs1 \af1\afs20 \ltrch\fcs0 \cs15\fs20\insrsid15951947\charrsid7677893 \hich\af1\dbch\af31505\loch\f1  }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rtlch\fcs1 \af1\afs20 \ltrch\fcs0 \cs15\fs20\insrsid1051230\charrsid7677893 \loch\af1\dbch\af31505\hich\f1 \'e8\'ec\'f3\'f9\'e5\'f1\'f2\'e2\'e0\cell }\pard \ltrpar\s22\ql \li-40\ri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faauto\rin0\lin-40\pararsid12862074 {\rtlch\fcs1 \af1\afs20 \ltrch\fcs0 \cs15\fs20\insrsid15951947\charrsid7677893 \loch\af1\dbch\af31505\hich\f1 \'ef\'eb\'ee\'f9\'e0\'e4\'fc\loch\f1  }{\rtlch\fcs1 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s15\fs20\insrsid1051230\charrsid7677893 \hich\af1\dbch\af31505\loch\f1 \hich\f1 (\'ea\'e2\loch\f1 \hich\f1 . \'ec\loch\f1 )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par }\pard\plain \ltrpar\s20\ql \li225\ri0\sl276\slmult1\widctlpar\intbl\wrapdefault\faauto\rin0\lin225\pararsid7213784 \rtlch\fcs1 \af1\afs24\alang1025 \ltrch\fcs0 \fs24\lang1049\langfe1049\loch\af1\hich\af1\dbch\af31505\cgrid\langnp1049\langfenp1049 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rtlch\fcs1 \af1\afs20 \ltrch\fcs0 \cs28\fs20\insrsid1051230\charrsid7677893 \cell }\pard\plain \ltrpar\s22\qc \li0\ri0\sl276\slmult1\widctlpar\intbl\wrapdefault\faauto\rin0\lin0\pararsid1051230 \rtlch\fcs1 \af1\afs24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fs24\lang1049\langfe1049\loch\af1\hich\af1\dbch\af31505\cgrid\langnp1049\langfenp1049 {\rtlch\fcs1 \af1\afs20 \ltrch\fcs0 \cs15\fs20\insrsid1051230\charrsid7677893 \loch\af1\dbch\af31505\hich\f1 \'f1\'f2\'f0\'e0\'ed\'e0\loch\f1 \hich\f1  \'f0\'e0\'f1\'e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'ee\'eb\'ee\'e6\'e5\'ed\'e8\'ff\cell }\pard\plain \ltrpar\ql \li0\ri0\sa200\sl276\slmult1\widctlpar\intbl\wrapdefault\aspalpha\aspnum\faauto\adjustright\rin0\lin0 \rtlch\fcs1 \af0\afs22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fs22\lang1049\langfe1049\loch\af31506\hich\af31506\dbch\af31505\cgrid\langnp1049\langfenp1049 {\rtlch\fcs1 \af0 \ltrch\fcs0 \insrsid13200645\charrsid7677893 \trowd \irow1\irowband1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2862074\tblind40\tblindtype3 \clvertalt\clbrdrt\brdrnone \clbrdrl\brdrs\brdrw15 \clbrdrb\brdrs\brdrw15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5 \cltxlrtb\clftsWidth3\clwWidth2268\clshdrawnil \cellx2268\clvertalt\clbrdrt\brdrnone \clbrdrl\brdrs\brdrw15 \clbrdrb\brdrs\brdrw15 \clbrdrr\brdrs\brdrw15 \cltxlrtb\clftsWidth3\clwWidth1843\clshdrawnil \cellx4111\clvertalt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5 \clbrdrl\brdrs\brdrw15 \clbrdrb\brdrs\brdrw15 \clbrdrr\brdrs\brdrw15 \cltxlrtb\clftsWidth3\clwWidth1843\clshdrawnil \cellx5954\clvertalt\clbrdrt\brdrs\brdrw15 \clbrdrl\brdrs\brdrw15 \clbrdrb\brdrs\brdrw15 \clbrdrr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 xml:space="preserve">\cltxlrtb\clftsWidth3\clwWidth1134\clshdrawnil \cellx7088\clvertalt\clbrdrt\brdrs\brdrw15 \clbrdrl\brdrs\brdrw15 \clbrdrb\brdrs\brdrw15 \clbrdrr\brdrs\brdrw15 \cltxlrtb\clftsWidth3\clwWidth1559\clshdrawnil \cellx8647\clvertalt\clbrdrt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5 \clbrdrb\brdrs\brdrw15 \clbrdrr\brdrs\brdrw15 \cltxlrtb\clftsWidth3\clwWidth1701\clshdrawnil \cellx10348\clvertalt\clbrdrt\brdrs\brdrw15 \clbrdrl\brdrs\brdrw15 \clbrdrb\brdrs\brdrw15 \clbrdrr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559\clshdrawnil \cellx11907\clvertalt\clbrdrt\brdrs\brdrw15 \clbrdrl\brdrs\brdrw15 \clbrdrb\brdrs\brdrw15 \clbrdrr\brdrs\brdrw15 \cltxlrtb\clftsWidth3\clwWidth993\clshdrawnil \cellx12900\clvertalt\clbrdrt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brdrl\brdrs\brdrw15 \clbrdrb\brdrs\brdrw15 \clbrdrr\brdrs\brdrw15 \cltxlrtb\clftsWidth3\clwWidth1559\clshdrawnil \cellx14459\row \ltrrow}\trowd \irow2\irowband2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705391\tblind40\tblindtype3 \clvertalt\clbrdrt\brdrs\brdrw15 \clbrdrl\brdrs\brdrw15 \clbrdrb\brdrs\brdrw10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5 \cltxlrtb\clftsWidth3\clwWidth2268\clshdrawnil \cellx2268\clvertalt\clbrdrt\brdrs\brdrw15 \clbrdrl\brdrs\brdrw15 \clbrdrb\brdrs\brdrw10 \clbrdrr\brdrs\brdrw15 \cltxlrtb\clftsWidth3\clwWidth1843\clshdrawnil \cellx4111\clvertalt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5 \clbrdrl\brdrs\brdrw15 \clbrdrb\brdrs\brdrw10 \clbrdrr\brdrs\brdrw15 \cltxlrtb\clftsWidth3\clwWidth1843\clshdrawnil \cellx5954\clvertalt\clbrdrt\brdrs\brdrw15 \clbrdrl\brdrs\brdrw15 \clbrdrb\brdrs\brdrw10 \clbrdrr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134\clshdrawnil \cellx7088\clvertalt\clbrdrt\brdrs\brdrw15 \clbrdrl\brdrs\brdrw15 \clbrdrb\brdrs\brdrw10 \clbrdrr\brdrs\brdrw15 \cltxlrtb\clftsWidth3\clwWidth1559\clshdrawnil \cellx8647\clvertalt\clbrdrt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701\clshdrawnil \cellx10348\clvertalt\clbrdrt\brdrs\brdrw15 \clbrdrl\brdrs\brdrw15 \clbrdrb\brdrs\brdrw10 \clbrdrr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559\clshdrawnil \cellx11907\clvertalt\clbrdrt\brdrs\brdrw15 \clbrdrl\brdrs\brdrw15 \clbrdrb\brdrs\brdrw10 \clbrdrr\brdrs\brdrw15 \cltxlrtb\clftsWidth3\clwWidth993\clshdrawnil \cellx12900\clvertalt\clbrdrt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559\clshdrawnil \cellx14459\pard\plain \ltrpar\s22\qc \li0\ri0\sl276\slmult1\widctlpar\intbl\wrapdefault\faauto\rin0\lin0\pararsid7213784 \rtlch\fcs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af1\afs24\alang1025 \ltrch\fcs0 \fs24\lang1049\langfe1049\loch\af1\hich\af1\dbch\af31505\cgrid\langnp1049\langfenp1049 {\rtlch\fcs1 \af1\afs20 \ltrch\fcs0 \cs15\fs20\insrsid1051230\charrsid7677893 \hich\af1\dbch\af31505\loch\f1 1\cell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hich\af1\dbch\af31505\loch\f1 2\cell \hich\af1\dbch\af31505\loch\f1 3\cell }{\rtlch\fcs1 \af1\afs20 \ltrch\fcs0 \cs15\fs20\dn6\insrsid1051230\charrsid7677893 \hich\af1\dbch\af31505\loch\f1 4\cell }{\rtlch\fcs1 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15\fs20\insrsid1051230\charrsid7677893 \hich\af1\dbch\af31505\loch\f1 5\cell \hich\af1\dbch\af31505\loch\f1 6\cell </w:t>
      </w:r>
      <w:r w:rsidRPr="000C5150">
        <w:rPr>
          <w:rFonts w:ascii="Courier New" w:hAnsi="Courier New" w:cs="Courier New"/>
          <w:lang w:val="en-US"/>
        </w:rPr>
        <w:lastRenderedPageBreak/>
        <w:t>\hich\af1\dbch\af31505\loch\f1 7\cell }\pard \ltrpar\s22\qc \li102\ri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widctlpar\intbl\wrapdefault\faauto\rin0\lin102\pararsid2565782 {\rtlch\fcs1 \af1\afs20 \ltrch\fcs0 \cs15\fs20\insrsid1051230\charrsid7677893 \hich\af1\dbch\af31505\loch\f1 8\cell }\pard \ltrpar\s22\qc \li0\ri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widctlpar\intbl\wrapdefault\faauto\rin0\lin0\pararsid7213784 {\rtlch\fcs1 \af1\afs20 \ltrch\fcs0 \cs15\fs20\insrsid1051230\charrsid7677893 \hich\af1\dbch\af31505\loch\f1 9\cell }\pard\plain \ltrpar\ql \li0\ri0\sa20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aspalpha\aspnum\faauto\adjustright\rin0\lin0 \rtlch\fcs1 \af0\afs22\alang1025 \ltrch\fcs0 \fs22\lang1049\langfe1049\loch\af31506\hich\af31506\dbch\af31505\cgrid\langnp1049\langfenp1049 {\rtlch\fcs1 \af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insrsid8863117\charrsid7677893 \trowd \irow2\irowband2\ltrrow\ts11\trgaph40\trleft0\trftsWidth3\trwWidth14459\trftsWidthB3\trpaddl40\trpaddr40\trpaddfl3\trpaddft3\trpaddfb3\trpaddfr3\tblrsid1705391\tblind40\tblindtype3 \clvertalt\clbrdrt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2268\clshdrawnil \cellx2268\clvertalt\clbrdrt\brdrs\brdrw15 \clbrdrl\brdrs\brdrw15 \clbrdrb\brdrs\brdrw10 \clbrdrr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843\clshdrawnil \cellx4111\clvertalt\clbrdrt\brdrs\brdrw15 \clbrdrl\brdrs\brdrw15 \clbrdrb\brdrs\brdrw10 \clbrdrr\brdrs\brdrw15 \cltxlrtb\clftsWidth3\clwWidth1843\clshdrawnil \cellx5954\clvertalt\clbrdrt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134\clshdrawnil \cellx7088\clvertalt\clbrdrt\brdrs\brdrw15 \clbrdrl\brdrs\brdrw15 \clbrdrb\brdrs\brdrw10 \clbrdrr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559\clshdrawnil \cellx8647\clvertalt\clbrdrt\brdrs\brdrw15 \clbrdrl\brdrs\brdrw15 \clbrdrb\brdrs\brdrw10 \clbrdrr\brdrs\brdrw15 \cltxlrtb\clftsWidth3\clwWidth1701\clshdrawnil \cellx10348\clvertalt\clbrdrt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559\clshdrawnil \cellx11907\clvertalt\clbrdrt\brdrs\brdrw15 \clbrdrl\brdrs\brdrw15 \clbrdrb\brdrs\brdrw10 \clbrdrr\brdrs\brdrw1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txlrtb\clftsWidth3\clwWidth993\clshdrawnil \cellx12900\clvertalt\clbrdrt\brdrs\brdrw15 \clbrdrl\brdrs\brdrw15 \clbrdrb\brdrs\brdrw10 \clbrdrr\brdrs\brdrw15 \cltxlrtb\clftsWidth3\clwWidth1559\clshdrawnil \cellx14459\row 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}\trowd \irow3\irowband3\ltrrow\ts11\trgaph40\trrh595\trleft0\trftsWidth3\trwWidth14459\trftsWidthB3\trpaddl40\trpaddr40\trpaddfl3\trpaddft3\trpaddfb3\trpaddfr3\tblrsid2174308\tblind40\tblindtype3 \clvmgf\clvertalc\clbrdrt\brdrs\brdrw10 \clbrdrl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b\brdrs\brdrw10 \clbrdrr\brdrs\brdrw10 \cltxlrtb\clftsWidth3\clwWidth2268\clshdrawnil \cellx2268\clvmgf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843\clshdrawnil \cellx4111\clvertalc\clbrdrt\brdrs\brdrw10 \clbrdrl\brdrs\brdrw10 \clbrdrb\brdrs\brdrw10 \clbrdrr\brdrs\brdrw10 \cltxlrtb\clftsWidth3\clwWidth1843\clshdrawnil \cellx5954\clvertalc\clbrdrt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134\clshdrawnil </w:t>
      </w:r>
      <w:r w:rsidRPr="000C5150">
        <w:rPr>
          <w:rFonts w:ascii="Courier New" w:hAnsi="Courier New" w:cs="Courier New"/>
          <w:lang w:val="en-US"/>
        </w:rPr>
        <w:lastRenderedPageBreak/>
        <w:t xml:space="preserve">\cellx7088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txlrtb\clftsWidth3\clwWidth1559\clshdrawnil \cellx8647\clvmgf\clvertalc\clbrdrt\brdrs\brdrw10 \clbrdrl\brdrs\brdrw10 \clbrdrb\brdrs\brdrw10 \clbrdrr\brdrs\brdrw10 \cltxlrtb\clftsWidth3\clwWidth1701\clshdrawnil \cellx10348\clvmgf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559\clshdrawnil \cellx11907\clvmgf\clvertalc\clbrdrt\brdrs\brdrw10 \clbrdrl\brdrs\brdrw10 \clbrdrb\brdrtbl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txlrtb\clftsWidth3\clwWidth993\clshdrawnil \cellx12900\clvmgf\clvertalc\clbrdrt\brdrs\brdrw10 \clbrdrl\brdrs\brdrw10 \clbrdrb\brdrtbl \clbrdrr\brdrs\brdrw10 \cltxlrtb\clftsWidth3\clwWidth1559\clshdrawnil \cellx14459\pard\plain \ltrpa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s22\qc \li0\ri0\sl276\slmult1\widctlpar\intbl\wrapdefault\faauto\rin0\lin0\pararsid15291433 \rtlch\fcs1 \af1\afs24\alang1025 \ltrch\fcs0 \fs24\lang1049\langfe1049\loch\af1\hich\af1\dbch\af31505\cgrid\langnp1049\langfenp1049 {\rtlch\fcs1 \af1\afs2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trch\fcs0 \cs15\fs20\insrsid11023688 \loch\af1\dbch\af31505\hich\f1 \'c0\'f0\'fe\'ea\'ee\'e2\loch\f1 \hich\f1  \'d0\'e8\'f8\'e0\'f2\loch\f1 \hich\f1  \'c4\'e0\'ec\'e8\'f0\'ee\'e2\'e8\'f7}{\rtlch\fcs1 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15\fs20\insrsid2174308\charrsid7677893 \cell }\pard\plain \ltrpar\s19\qc \li-40\ri0\sl276\slmult1\widctlpar\intbl\wrapdefault\faauto\rin0\lin-40\pararsid11616676 \rtlch\fcs1 \af1\afs24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fs24\lang1049\langfe1049\loch\af1\hich\af1\dbch\af31505\cgrid\langnp1049\langfenp1049 {\rtlch\fcs1 \ab\af1\afs20 \ltrch\fcs0 \cs26\fs20\insrsid2174308\charrsid7677893 \cell }\pard\plain \ltrpar\qc \li0\ri0\sa20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aspalpha\aspnum\faauto\adjustright\rin0\lin0\pararsid6698464 \rtlch\fcs1 \af0\afs22\alang1025 \ltrch\fcs0 \fs22\lang1049\langfe1049\loch\af31506\hich\af31506\dbch\af31505\cgrid\langnp1049\langfenp1049 {\rtlch\fcs1 \af1\afs2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trch\fcs0 \f1\fs20\insrsid2174308 \loch\af1\dbch\af31505\hich\f1 \'ea\'e2\'e0\'f0\'f2\'e8\'f0\'e0}{\rtlch\fcs1 \af1\afs20 \ltrch\fcs0 \f1\fs20\insrsid2174308\charrsid7677893 \cell }{\rtlch\fcs1 \af1\afs20 \ltrch\fcs0 \f1\fs20\insrsid2174308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hich\af1\dbch\af31505\loch\f1 57,9}{\rtlch\fcs1 \af1\afs20 \ltrch\fcs0 \f1\fs20\insrsid2174308\charrsid7677893 \cell }{\rtlch\fcs1 \af1\afs20 \ltrch\fcs0 \f1\fs20\insrsid2174308 \loch\af1\dbch\af31505\hich\f1 \'d0\'ee\'f1\'f1\'e8\'ff}{\rtlch\fcs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af1\afs20 \ltrch\fcs0 \f1\fs20\insrsid2174308\charrsid7677893 \cell \loch\af1\dbch\af31505\hich\f1 \'ed\'e5\'f2\cell }\pard \ltrpar\qc \li0\ri0\sa200\sl276\slmult1\widctlpar\intbl\wrapdefault\aspalpha\aspnum\faauto\adjustright\rin0\lin0\pararsid2174308 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rtlch\fcs1 \ab\af1\afs20 \ltrch\fcs0 \cs26\f1\fs20\insrsid2174308\charrsid8918019 \loch\af1\dbch\af31505\hich\f1 \'ed\'e5\'f2}{\rtlch\fcs1 \af0 \ltrch\fcs0 \insrsid2174308 \cell }{\rtlch\fcs1 \ab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26\f1\fs20\insrsid2174308\charrsid8918019 \loch\af1\dbch\af31505\hich\f1 \'ed\'e5\'f2}{\rtlch\fcs1 \af0 \ltrch\fcs0 \insrsid2174308 \cell }{\rtlch\fcs1 \ab\af1\afs20 \ltrch\fcs0 \cs26\f1\fs20\insrsid2174308\charrsid8918019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och\af1\dbch\af31505\hich\f1 \'ed\'e5\'f2}{\rtlch\fcs1 \af0 \ltrch\fcs0 \insrsid2174308 \cell }\pard \ltrpar\ql \li0\ri0\sa200\sl276\slmult1\widctlpar\intbl\wrapdefault\aspalpha\aspnum\faauto\adjustright\rin0\lin0 {\rtlch\fcs1 \af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>\insrsid2174308\charrsid7677893 \trowd \irow3\irowband3\ltrrow\ts11\trgaph40\trrh595\trleft0\trftsWidth3\trwWidth14459\trftsWidthB3\trpaddl40\trpaddr40\trpaddfl3\trpaddft3\trpaddfb3\trpaddfr3\tblrsid2174308\tblind40\tblindtype3 \clvmgf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2268\clshdrawnil \cellx2268\clvmgf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843\clshdrawnil \cellx4111\clvertalc\clbrdrt\brdrs\brdrw10 \clbrdrl\brdrs\brdrw10 \clbrdrb\brdrs\brdrw10 \clbrdrr\brdrs\brdrw10 \cltxlrtb\clftsWidth3\clwWidth1843\clshdrawnil \cellx5954\clvertalc\clbrdrt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134\clshdrawnil \cellx7088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txlrtb\clftsWidth3\clwWidth1559\clshdrawnil \cellx8647\clvmgf\clvertalc\clbrdrt\brdrs\brdrw10 \clbrdrl\brdrs\brdrw10 \clbrdrb\brdrs\brdrw10 \clbrdrr\brdrs\brdrw10 \cltxlrtb\clftsWidth3\clwWidth1701\clshdrawnil \cellx10348\clvmgf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559\clshdrawnil \cellx11907\clvmgf\clvertalc\clbrdrt\brdrs\brdrw10 \clbrdrl\brdrs\brdrw10 \clbrdrb\brdrtbl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txlrtb\clftsWidth3\clwWidth993\clshdrawnil \cellx12900\clvmgf\clvertalc\clbrdrt\brdrs\brdrw10 \clbrdrl\brdrs\brdrw10 \clbrdrb\brdrtbl \clbrdrr\brdrs\brdrw10 \cltxlrtb\clftsWidth3\clwWidth1559\clshdrawnil \cellx14459\row 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}\trowd \irow4\irowband4\ltrrow\ts11\trgaph40\trrh594\trleft0\trftsWidth3\trwWidth14459\trftsWidthB3\trpaddl40\trpaddr40\trpaddfl3\trpaddft3\trpaddfb3\trpaddfr3\tblrsid2174308\tblind40\tblindtype3 \clvmrg\clvertalc\clbrdrt\brdrs\brdrw10 \clbrdrl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b\brdrs\brdrw10 \clbrdrr\brdrs\brdrw10 \cltxlrtb\clftsWidth3\clwWidth2268\clshdrawnil \cellx2268\clvmrg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843\clshdrawnil \cellx4111\clvertalc\clbrdrt\brdrs\brdrw10 \clbrdrl\brdrs\brdrw10 \clbrdrb\brdrs\brdrw10 \clbrdrr\brdrs\brdrw10 \cltxlrtb\clftsWidth3\clwWidth1843\clshdrawnil \cellx5954\clvertalc\clbrdrt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134\clshdrawnil \cellx7088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txlrtb\clftsWidth3\clwWidth1559\clshdrawnil \cellx8647\clvmrg\clvertalc\clbrdrt\brdrs\brdrw10 \clbrdrl\brdrs\brdrw10 \clbrdrb\brdrs\brdrw10 \clbrdrr\brdrs\brdrw10 \cltxlrtb\clftsWidth3\clwWidth1701\clshdrawnil \cellx10348\clvmrg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tbl \clbrdrl\brdrs\brdrw10 \clbrdrb\brdrs\brdrw10 \clbrdrr\brdrs\brdrw10 \cltxlrtb\clftsWidth3\clwWidth1559\clshdrawnil \cellx11907\clvmrg\clvertalc\clbrdrt\brdrtbl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993\clshdrawnil \cellx12900\clvmrg\clvertalc\clbrdrt\brdrtbl \clbrdrl\brdrs\brdrw10 \clbrdrb\brdrs\brdrw10 \clbrdrr\brdrs\brdrw10 </w:t>
      </w:r>
      <w:r w:rsidRPr="000C5150">
        <w:rPr>
          <w:rFonts w:ascii="Courier New" w:hAnsi="Courier New" w:cs="Courier New"/>
          <w:lang w:val="en-US"/>
        </w:rPr>
        <w:lastRenderedPageBreak/>
        <w:t>\cltxlrtb\clftsWidth3\clwWidth1559\clshdrawnil \cellx14459\pard\plain \ltrpa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s22\qc \li0\ri0\sl276\slmult1\widctlpar\intbl\wrapdefault\faauto\rin0\lin0\pararsid15291433 \rtlch\fcs1 \af1\afs24\alang1025 \ltrch\fcs0 \fs24\lang1049\langfe1049\loch\af1\hich\af1\dbch\af31505\cgrid\langnp1049\langfenp1049 {\rtlch\fcs1 \af1\afs2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trch\fcs0 \cs15\fs20\insrsid2174308\charrsid7677893 \cell }\pard\plain \ltrpar\s19\qc \li-40\ri0\sl276\slmult1\widctlpar\intbl\wrapdefault\faauto\rin0\lin-40\pararsid11616676 \rtlch\fcs1 \af1\afs24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fs24\lang1049\langfe1049\loch\af1\hich\af1\dbch\af31505\cgrid\langnp1049\langfenp1049 {\rtlch\fcs1 \af1\afs20 \ltrch\fcs0 \fs20\insrsid2174308\charrsid7677893 \cell }\pard\plain \ltrpar\qc \li0\ri0\sa20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aspalpha\aspnum\faauto\adjustright\rin0\lin0\pararsid6698464 \rtlch\fcs1 \af0\afs22\alang1025 \ltrch\fcs0 \fs22\lang1049\langfe1049\loch\af31506\hich\af31506\dbch\af31505\cgrid\langnp1049\langfenp1049 {\rtlch\fcs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ab\af145\afs20 \ltrch\fcs0 \cs26\f145\fs20\insrsid2174308 \loch\af145\dbch\af31505\hich\f145 \'bc\loch\f145  }{\rtlch\fcs1 \ab\af1\afs20 \ltrch\fcs0 \cs26\f1\fs20\insrsid2174308 \loch\af1\dbch\af31505\hich\f1 \'ea\'e2\'e0\'f0\'f2\'e8\'f0\'fb}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rtlch\fcs1 \ab\af1\afs20 \ltrch\fcs0 \cs26\f1\fs20\insrsid2174308\charrsid7677893 \cell }{\rtlch\fcs1 \ab\af1\afs20 \ltrch\fcs0 \cs26\f1\fs20\insrsid2174308 \hich\af1\dbch\af31505\loch\f1 35,7}{\rtlch\fcs1 \ab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26\f1\fs20\insrsid2174308\charrsid7677893 \cell }{\rtlch\fcs1 \ab\af1\afs20 \ltrch\fcs0 \cs26\f1\fs20\insrsid2174308 \loch\af1\dbch\af31505\hich\f1 \'d0\'ee\'f1\'f1\'e8\'ff}{\rtlch\fcs1 \ab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26\f1\fs20\insrsid2174308\charrsid7677893 \cell }{\rtlch\fcs1 \af1\afs20 \ltrch\fcs0 \f1\fs20\insrsid2174308\charrsid7677893 \cell }\pard\plain \ltrpar\s19\qc \li-40\ri0\sl276\slmult1\widctlpar\intbl\wrapdefault\faauto\rin0\lin-40\pararsid2174308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rtlch\fcs1 \af1\afs24\alang1025 \ltrch\fcs0 \fs24\lang1049\langfe1049\loch\af1\hich\af1\dbch\af31505\cgrid\langnp1049\langfenp1049 {\rtlch\fcs1 \ab\af1\afs20 \ltrch\fcs0 \cs26\fs20\insrsid2174308\charrsid7677893 \cell }\pard\plain \ltrpa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qc \li0\ri0\sa200\sl276\slmult1\widctlpar\intbl\wrapdefault\aspalpha\aspnum\faauto\adjustright\rin0\lin0\pararsid2174308 \rtlch\fcs1 \af0\afs22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fs22\lang1049\langfe1049\loch\af31506\hich\af31506\dbch\af31505\cgrid\langnp1049\langfenp1049 {\rtlch\fcs1 \af1\afs20 \ltrch\fcs0 \f1\fs20\insrsid2174308\charrsid7677893 \cell \cell }\pard \ltrpar\ql \li0\ri0\sa20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widctlpar\intbl\wrapdefault\aspalpha\aspnum\faauto\adjustright\rin0\lin0 {\rtlch\fcs1 \af0 \ltrch\fcs0 \insrsid2174308\charrsid7677893 \trowd \irow4\irowband4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ts11\trgaph40\trrh594\trleft0\trftsWidth3\trwWidth14459\trftsWidthB3\trpaddl40\trpaddr40\trpaddfl3\trpaddft3\trpaddfb3\trpaddfr3\tblrsid2174308\tblind40\tblindtype3 \clvmrg\clvertalc\clbrdrt\brdrs\brdrw10 \clbrdrl\brdrs\brdrw10 \clbrdrb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brdrr\brdrs\brdrw10 \cltxlrtb\clftsWidth3\clwWidth2268\clshdrawnil \cellx2268\clvmrg\clvertalc\clbrdrt\brdrs\brdrw10 \clbrdrl\brdrs\brdrw10 \clbrdrb\brdrs\brdrw10 \clbrdrr\brdrs\brdrw10 \cltxlrtb\clftsWidth3\clwWidth1843\clshdrawnil \cellx411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>\clvertalc\clbrdrt\brdrs\brdrw10 \clbrdrl\brdrs\brdrw10 \clbrdrb\brdrs\brdrw10 \clbrdrr\brdrs\brdrw10 \cltxlrtb\clftsWidth3\clwWidth1843\clshdrawnil \cellx5954\clvertalc\clbrdrt\brdrs\brdrw10 \clbrdrl\brdrs\brdrw10 \clbrdrb\brdrs\brdrw10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0 \cltxlrtb\clftsWidth3\clwWidth1134\clshdrawnil \cellx7088\clvertalc\clbrdrt\brdrs\brdrw10 \clbrdrl\brdrs\brdrw10 \clbrdrb\brdrs\brdrw10 \clbrdrr\brdrs\brdrw10 \cltxlrtb\clftsWidth3\clwWidth1559\clshdrawnil \cellx8647\clvmrg\clvertalc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t\brdrs\brdrw10 \clbrdrl\brdrs\brdrw10 \clbrdrb\brdrs\brdrw10 \clbrdrr\brdrs\brdrw10 \cltxlrtb\clftsWidth3\clwWidth1701\clshdrawnil \cellx10348\clvmrg\clvertalc\clbrdrt\brdrtbl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559\clshdrawnil \cellx11907\clvmrg\clvertalc\clbrdrt\brdrtbl \clbrdrl\brdrs\brdrw10 \clbrdrb\brdrs\brdrw10 \clbrdrr\brdrs\brdrw10 \cltxlrtb\clftsWidth3\clwWidth993\clshdrawnil \cellx12900\clvmrg\clvertalc\clbrdrt\brdrtbl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brdrl\brdrs\brdrw10 \clbrdrb\brdrs\brdrw10 \clbrdrr\brdrs\brdrw10 \cltxlrtb\clftsWidth3\clwWidth1559\clshdrawnil \cellx14459\row \ltrrow}\trowd \irow5\irowband5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2174308\tblind40\tblindtype3 \clvmgf\clvertalc\clbrdrt\brdrs\brdrw10 \clbrdrl\brdrs\brdrw10 \clbrdrb\brdrtbl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0 \cltxlrtb\clftsWidth3\clwWidth2268\clshdrawnil \cellx2268\clvmgf\clvertalc\clbrdrt\brdrs\brdrw10 \clbrdrl\brdrs\brdrw10 \clbrdrb\brdrtbl \clbrdrr\brdrs\brdrw10 \cltxlrtb\clftsWidth3\clwWidth1843\clshdrawnil \cellx4111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txlrtb\clftsWidth3\clwWidth1134\clshdrawnil \cellx7088\clvertalc\clbrdrt\brdrs\brdrw10 \clbrdrl\brdrs\brdrw10 \clbrdrb\brdrs\brdrw10 \clbrdrr\brdrs\brdrw10 \cltxlrtb\clftsWidth3\clwWidth1559\clshdrawnil \cellx8647\clvmgf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701\clshdrawnil \cellx10348\clvmgf\clvertalc\clbrdrt\brdrs\brdrw10 \clbrdrl\brdrs\brdrw10 \clbrdrb\brdrtbl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txlrtb\clftsWidth3\clwWidth1559\clshdrawnil \cellx11907\clvmgf\clvertalc\clbrdrt\brdrs\brdrw10 \clbrdrl\brdrs\brdrw10 \clbrdrb\brdrtbl \clbrdrr\brdrs\brdrw10 \cltxlrtb\clftsWidth3\clwWidth993\clshdrawnil \cellx12900\clvmgf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559\clshdrawnil \cellx14459\pard\plain \ltrpar\s22\qc \li0\ri0\sl276\slmult1\widctlpar\intbl\wrapdefault\faauto\rin0\lin0\pararsid8539726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rtlch\fcs1 \af1\afs24\alang1025 \ltrch\fcs0 \fs24\lang1049\langfe1049\loch\af1\hich\af1\dbch\af31505\cgrid\langnp1049\langfenp1049 {\rtlch\fcs1 \af1\afs20 \ltrch\fcs0 \cs15\fs20\insrsid2174308 \loch\af1\dbch\af31505\hich\f1 \'d1\'f3\'ef\'f0\'f3\'e3\'e0}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rtlch\fcs1 \af1\afs20 \ltrch\fcs0 \cs15\fs20\insrsid2174308\charrsid7677893 \cell }\pard\plain </w:t>
      </w:r>
      <w:r w:rsidRPr="000C5150">
        <w:rPr>
          <w:rFonts w:ascii="Courier New" w:hAnsi="Courier New" w:cs="Courier New"/>
          <w:lang w:val="en-US"/>
        </w:rPr>
        <w:lastRenderedPageBreak/>
        <w:t xml:space="preserve">\ltrpar\s19\qc \li-40\ri0\sl276\slmult1\widctlpar\intbl\wrapdefault\faauto\rin0\lin-40\pararsid556130 \rtlch\fcs1 \af1\afs24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fs24\lang1049\langfe1049\loch\af1\hich\af1\dbch\af31505\cgrid\langnp1049\langfenp1049 {\rtlch\fcs1 \af1\afs20 \ltrch\fcs0 \fs20\insrsid2174308\charrsid7677893 \cell }\pard\plain \ltrpar\qc \li0\ri0\sa20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aspalpha\aspnum\faauto\adjustright\rin0\lin0\pararsid1996347 \rtlch\fcs1 \af0\afs22\alang1025 \ltrch\fcs0 \fs22\lang1049\langfe1049\loch\af31506\hich\af31506\dbch\af31505\cgrid\langnp1049\langfenp1049 {\rtlch\fcs1 \af1\afs2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trch\fcs0 \f1\fs20\insrsid2174308 \loch\af1\dbch\af31505\hich\f1 \'ea\'e2\'e0\'f0\'f2\'e8\'f0\'e0}{\rtlch\fcs1 \af1\afs20 \ltrch\fcs0 \f1\fs20\insrsid2174308\charrsid7677893 \cell }{\rtlch\fcs1 \af1\afs20 \ltrch\fcs0 \f1\fs20\insrsid2174308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hich\af1\dbch\af31505\loch\f1 57,9}{\rtlch\fcs1 \af1\afs20 \ltrch\fcs0 \f1\fs20\insrsid2174308\charrsid7677893 \cell }{\rtlch\fcs1 \af1\afs20 \ltrch\fcs0 \f1\fs20\insrsid2174308 \loch\af1\dbch\af31505\hich\f1 \'d0\'ee\'f1\'f1\'e8\'ff}{\rtlch\fcs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af1\afs20 \ltrch\fcs0 \f1\fs20\insrsid2174308\charrsid7677893 \cell }\pard \ltrpar\qc \li0\ri0\sa200\sl276\slmult1\widctlpar\intbl\wrapdefault\aspalpha\aspnum\faauto\adjustright\rin0\lin0\pararsid556130 {\rtlch\fcs1 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f1\fs20\insrsid2174308 \loch\af1\dbch\af31505\hich\f1 \'eb\'e5\'e3\'ea\'ee\'e2\'ee\'e9\loch\f1 \hich\f1  \'e0\'e2\'f2\'ee\'ec\'ee\'e1\'e8\'eb\'fc\loch\f1  }{\rtlch\fcs1 \af1\afs20 \ltrch\fcs0 \f1\fs20\lang1033\langfe1049\langnp1033\insrsid2174308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hich\af1\dbch\af31505\loch\f1            Kia Ceed}{\rtlch\fcs1 \af1\afs20 \ltrch\fcs0 \f1\fs20\lang1033\langfe1049\langnp1033\insrsid2174308\charrsid944962 \cell }\pard \ltrpar\qc \li0\ri0\sa20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aspalpha\aspnum\faauto\adjustright\rin0\lin0\pararsid2174308 {\rtlch\fcs1 \ab\af1\afs20 \ltrch\fcs0 \cs26\f1\fs20\insrsid2174308\charrsid8918019 \loch\af1\dbch\af31505\hich\f1 \'ed\'e5\'f2}{\rtlch\fcs1 \af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insrsid2174308 \cell }{\rtlch\fcs1 \ab\af1\afs20 \ltrch\fcs0 \cs26\f1\fs20\insrsid2174308\charrsid8918019 \loch\af1\dbch\af31505\hich\f1 \'ed\'e5\'f2}{\rtlch\fcs1 \af0 \ltrch\fcs0 \insrsid2174308 \cell }{\rtlch\fcs1 \ab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s26\f1\fs20\insrsid2174308\charrsid8918019 \loch\af1\dbch\af31505\hich\f1 \'ed\'e5\'f2}{\rtlch\fcs1 \af0 \ltrch\fcs0 \insrsid2174308 \cell }\pard \ltrpar\ql \li0\ri0\sa20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widctlpar\intbl\wrapdefault\aspalpha\aspnum\faauto\adjustright\rin0\lin0 {\rtlch\fcs1 \af0 \ltrch\fcs0 \insrsid2174308\charrsid7677893 \trowd \irow5\irowband5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2174308\tblind40\tblindtype3 \clvmgf\clvertalc\clbrdrt\brdrs\brdrw10 \clbrdrl\brdrs\brdrw10 \clbrdrb\brdrtbl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0 \cltxlrtb\clftsWidth3\clwWidth2268\clshdrawnil \cellx2268\clvmgf\clvertalc\clbrdrt\brdrs\brdrw10 \clbrdrl\brdrs\brdrw10 \clbrdrb\brdrtbl \clbrdrr\brdrs\brdrw10 \cltxlrtb\clftsWidth3\clwWidth1843\clshdrawnil \cellx4111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>\cltxlrtb\clftsWidth3\clwWidth1134\clshdrawnil \cellx7088\clvertalc\clbrdrt\brdrs\brdrw10 \clbrdrl\brdrs\brdrw10 \clbrdrb\brdrs\brdrw10 \clbrdrr\brdrs\brdrw10 \cltxlrtb\clftsWidth3\clwWidth1559\clshdrawnil \cellx8647\clvmgf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701\clshdrawnil \cellx10348\clvmgf\clvertalc\clbrdrt\brdrs\brdrw10 \clbrdrl\brdrs\brdrw10 \clbrdrb\brdrtbl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txlrtb\clftsWidth3\clwWidth1559\clshdrawnil \cellx11907\clvmgf\clvertalc\clbrdrt\brdrs\brdrw10 \clbrdrl\brdrs\brdrw10 \clbrdrb\brdrtbl \clbrdrr\brdrs\brdrw10 \cltxlrtb\clftsWidth3\clwWidth993\clshdrawnil \cellx12900\clvmgf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0 \clbrdrl\brdrs\brdrw10 \clbrdrb\brdrtbl \clbrdrr\brdrs\brdrw10 \cltxlrtb\clftsWidth3\clwWidth1559\clshdrawnil \cellx14459\row \ltrrow}\trowd \irow6\irowband6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13828895\tblind40\tblindtype3 \clvmrg\clvertalc\clbrdrt\brdrtbl \clbrdrl\brdrs\brdrw10 \clbrdrb\brdrs\brdrw10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0 \cltxlrtb\clftsWidth3\clwWidth2268\clshdrawnil \cellx2268\clvmrg\clvertalc\clbrdrt\brdrtbl \clbrdrl\brdrs\brdrw10 \clbrdrb\brdrs\brdrw10 \clbrdrr\brdrs\brdrw10 \cltxlrtb\clftsWidth3\clwWidth1843\clshdrawnil \cellx4111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134\clshdrawnil \cellx7088\clvertalc\clbrdrt\brdrs\brdrw10 \clbrdrl\brdrs\brdrw10 \clbrdrb\brdrs\brdrw10 \clbrdrr\brdrs\brdrw10 \cltxlrtb\clftsWidth3\clwWidth1559\clshdrawnil \cellx8647\clvmrg\clvertalc\clbrdrt\brdrtbl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701\clshdrawnil \cellx10348\clvmrg\clvertalc\clbrdrt\brdrtbl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559\clshdrawnil \cellx11907\clvmrg\clvertalc\clbrdrt\brdrtbl \clbrdrl\brdrs\brdrw10 \clbrdrb\brdrs\brdrw10 \clbrdrr\brdrs\brdrw10 \cltxlrtb\clftsWidth3\clwWidth993\clshdrawnil \cellx12900\clvmrg\clvertalc\clbrdrt\brdrtbl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559\clshdrawnil \cellx14459\pard\plain \ltrpar\s22\qc \li0\ri0\sl276\slmult1\widctlpar\intbl\wrapdefault\faauto\rin0\lin0\pararsid8539726 \rtlch\fcs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af1\afs24\alang1025 \ltrch\fcs0 \fs24\lang1049\langfe1049\loch\af1\hich\af1\dbch\af31505\cgrid\langnp1049\langfenp1049 {\rtlch\fcs1 \af1\afs20 \ltrch\fcs0 \cs15\fs20\insrsid1996347 \cell }\pard\plain \ltrpar\s19\qc \li-40\ri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faauto\rin0\lin-40\pararsid556130 \rtlch\fcs1 \af1\afs24\alang1025 \ltrch\fcs0 \fs24\lang1049\langfe1049\loch\af1\hich\af1\dbch\af31505\cgrid\langnp1049\langfenp1049 {\rtlch\fcs1 \af1\afs20 \ltrch\fcs0 \fs20\insrsid1996347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ell }\pard\plain \ltrpar\qc \li0\ri0\sa200\sl276\slmult1\widctlpar\intbl\wrapdefault\aspalpha\aspnum\</w:t>
      </w:r>
      <w:r w:rsidRPr="000C5150">
        <w:rPr>
          <w:rFonts w:ascii="Courier New" w:hAnsi="Courier New" w:cs="Courier New"/>
          <w:lang w:val="en-US"/>
        </w:rPr>
        <w:lastRenderedPageBreak/>
        <w:t xml:space="preserve">faauto\adjustright\rin0\lin0\pararsid1996347 \rtlch\fcs1 \af0\afs22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fs22\lang1049\langfe1049\loch\af31506\hich\af31506\dbch\af31505\cgrid\langnp1049\langfenp1049 {\rtlch\fcs1 \ab\af145\afs20 \ltrch\fcs0 \cs26\f145\fs20\insrsid1996347 \loch\af145\dbch\af31505\hich\f145 \'bc\loch\f145  }{\rtlch\fcs1 \ab\af1\afs2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trch\fcs0 \cs26\f1\fs20\insrsid1996347 \loch\af1\dbch\af31505\hich\f1 \'ea\'e2\'e0\'f0\'f2\'e8\'f0\'fb}{\rtlch\fcs1 \ab\af1\afs20 \ltrch\fcs0 \cs26\f1\fs20\insrsid1996347\charrsid7677893 \cell }{\rtlch\fcs1 \ab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26\f1\fs20\insrsid1996347 \hich\af1\dbch\af31505\loch\f1 35,7}{\rtlch\fcs1 \ab\af1\afs20 \ltrch\fcs0 \cs26\f1\fs20\insrsid1996347\charrsid7677893 \cell }{\rtlch\fcs1 \ab\af1\afs20 \ltrch\fcs0 \cs26\f1\fs20\insrsid1996347 \loch\af1\dbch\af31505\hich\f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'd0\'ee\'f1\'f1\'e8\'ff}{\rtlch\fcs1 \ab\af1\afs20 \ltrch\fcs0 \cs26\f1\fs20\insrsid1996347\charrsid7677893 \cell }\pard \ltrpar\qc \li0\ri0\sa200\sl276\slmult1\widctlpar\intbl\wrapdefault\aspalpha\aspnum\faauto\adjustright\rin0\lin0\pararsid556130 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rtlch\fcs1 \af1\afs20 \ltrch\fcs0 \f1\fs20\insrsid1996347\charrsid7677893 \cell }\pard\plain \ltrpar\s19\qc \li-40\ri0\sl276\slmult1\widctlpar\intbl\wrapdefault\faauto\rin0\lin-40\pararsid556130 \rtlch\fcs1 \af1\afs24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fs24\lang1049\langfe1049\loch\af1\hich\af1\dbch\af31505\cgrid\langnp1049\langfenp1049 {\rtlch\fcs1 \ab\af1\afs20 \ltrch\fcs0 \cs26\fs20\insrsid1996347\charrsid7677893 \cell }\pard\plain \ltrpar\qc \li0\ri0\sa20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aspalpha\aspnum\faauto\adjustright\rin0\lin0\pararsid556130 \rtlch\fcs1 \af0\afs22\alang1025 \ltrch\fcs0 \fs22\lang1049\langfe1049\loch\af31506\hich\af31506\dbch\af31505\cgrid\langnp1049\langfenp1049 {\rtlch\fcs1 \af1\afs2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trch\fcs0 \f1\fs20\insrsid1996347\charrsid7677893 \cell \cell }\pard \ltrpar\ql \li0\ri0\sa200\sl276\slmult1\widctlpar\intbl\wrapdefault\aspalpha\aspnum\faauto\adjustright\rin0\lin0 {\rtlch\fcs1 \af0 \ltrch\fcs0 \insrsid1996347\charrsid7677893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trowd \irow6\irowband6\ltrrow\ts11\trgaph40\trrh335\trleft0\trftsWidth3\trwWidth14459\trftsWidthB3\trpaddl40\trpaddr40\trpaddfl3\trpaddft3\trpaddfb3\trpaddfr3\tblrsid13828895\tblind40\tblindtype3 \clvmrg\clvertalc\clbrdrt\brdrtbl \clbrdrl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b\brdrs\brdrw10 \clbrdrr\brdrs\brdrw10 \cltxlrtb\clftsWidth3\clwWidth2268\clshdrawnil \cellx2268\clvmrg\clvertalc\clbrdrt\brdrtbl \clbrdrl\brdrs\brdrw10 \clbrdrb\brdrs\brdrw10 \clbrdrr\brdrs\brdrw10 \cltxlrtb\clftsWidth3\clwWidth1843\clshdrawnil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ellx4111\clvertalc\clbrdrt\brdrs\brdrw10 \clbrdrl\brdrs\brdrw10 \clbrdrb\brdrs\brdrw10 \clbrdrr\brdrs\brdrw10 \cltxlrtb\clftsWidth3\clwWidth1843\clshdrawnil \cellx5954\clvertalc\clbrdrt\brdrs\brdrw10 \clbrdrl\brdrs\brdrw10 \clbrdrb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brdrr\brdrs\brdrw10 \cltxlrtb\clftsWidth3\clwWidth1134\clshdrawnil \cellx7088\clvertalc\clbrdrt\brdrs\brdrw10 \clbrdrl\brdrs\brdrw10 \clbrdrb\brdrs\brdrw10 \clbrdrr\brdrs\brdrw10 \cltxlrtb\clftsWidth3\clwWidth1559\clshdrawnil \cellx8647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vmrg\clvertalc\clbrdrt\brdrtbl \clbrdrl\brdrs\brdrw10 \clbrdrb\brdrs\brdrw10 \clbrdrr\brdrs\brdrw10 \cltxlrtb\clftsWidth3\clwWidth1701\clshdrawnil \cellx10348\clvmrg\clvertalc\clbrdrt\brdrtbl \clbrdrl\brdrs\brdrw10 \clbrdrb\brdrs\brdrw10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>\brdrs\brdrw10 \cltxlrtb\clftsWidth3\clwWidth1559\clshdrawnil \cellx11907\clvmrg\clvertalc\clbrdrt\brdrtbl \clbrdrl\brdrs\brdrw10 \clbrdrb\brdrs\brdrw10 \clbrdrr\brdrs\brdrw10 \cltxlrtb\clftsWidth3\clwWidth993\clshdrawnil \cellx12900\clvmrg\clvertalc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brdrt\brdrtbl \clbrdrl\brdrs\brdrw10 \clbrdrb\brdrs\brdrw10 \clbrdrr\brdrs\brdrw10 \cltxlrtb\clftsWidth3\clwWidth1559\clshdrawnil \cellx14459\row \ltrrow}\trowd \irow7\irowband7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4850037\tblind40\tblindtype3 \clvertalc\clbrdrt\brdrs\brdrw10 \clbrdrl\brdrs\brdrw10 \clbrdrb\brdrs\brdrw10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0 \cltxlrtb\clftsWidth3\clwWidth2268\clshdrawnil \cellx2268\clvertalc\clbrdrt\brdrs\brdrw10 \clbrdrl\brdrs\brdrw10 \clbrdrb\brdrs\brdrw10 \clbrdrr\brdrs\brdrw10 \cltxlrtb\clftsWidth3\clwWidth1843\clshdrawnil \cellx4111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134\clshdrawnil \cellx7088\clvertalc\clbrdrt\brdrs\brdrw10 \clbrdrl\brdrs\brdrw10 \clbrdrb\brdrs\brdrw10 \clbrdrr\brdrs\brdrw10 \cltxlrtb\clftsWidth3\clwWidth1559\clshdrawnil \cellx8647\clvertalc\clbrdrt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701\clshdrawnil \cellx10348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559\clshdrawnil \cellx11907\clvertalc\clbrdrt\brdrs\brdrw10 \clbrdrl\brdrs\brdrw10 \clbrdrb\brdrs\brdrw10 \clbrdrr\brdrs\brdrw10 \cltxlrtb\clftsWidth3\clwWidth993\clshdrawnil \cellx12900\clvertalc\clbrdrt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559\clshdrawnil \cellx14459\pard\plain \ltrpar\s22\qc \li0\ri0\sl276\slmult1\widctlpar\intbl\wrapdefault\faauto\rin0\lin0\pararsid4850037 \rtlch\fcs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af1\afs24\alang1025 \ltrch\fcs0 \fs24\lang1049\langfe1049\loch\af1\hich\af1\dbch\af31505\cgrid\langnp1049\langfenp1049 {\rtlch\fcs1 \af1\afs20 \ltrch\fcs0 \cs15\fs20\insrsid3939485 \loch\af1\dbch\af31505\hich\f1 \'cd\'e5\'f1\'ee\'e2\'e5\'f0\'f8\'e5\'ed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'ed\'ee\'eb\'e5\'f2\'ed\'e8\'e9\loch\f1 \hich\f1  \'f0\'e5\'e1\'e5\'ed\'ee\'ea}{\rtlch\fcs1 \af1\afs20 \ltrch\fcs0 \cs15\fs20\insrsid3939485\charrsid8471605 \cell }\pard\plain \ltrpar\s19\qc \li-40\ri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faauto\rin0\lin-40\pararsid4850037 \rtlch\fcs1 \af1\afs24\alang1025 \ltrch\fcs0 \fs24\lang1049\langfe1049\loch\af1\hich\af1\dbch\af31505\cgrid\langnp1049\langfenp1049 {\rtlch\fcs1 \af1\afs20 \ltrch\fcs0 \fs20\insrsid3939485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och\af1\dbch\af31505\hich\f1 \'ed\'e5\'f2\cell }\pard\plain \ltrpar\qc \li0\ri0\sa200\sl276\slmult1\widctlpar\intbl\wrapdefault\aspalpha\aspnum\faauto\adjustright\rin0\lin0\pararsid4850037 \rtlch\fcs1 \af0\afs22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fs22\lang1049\langfe1049\loch\af31506\hich\af31506\dbch\af31505\cgrid\langnp1049\langfenp1049 {\rtlch\fcs1 \ab\af145\afs20 \ltrch\fcs0 \cs26\f145\fs20\insrsid3939485 \loch\af145\dbch\af31505\hich\f145 \'bc\loch\f145  }{\rtlch\fcs1 \ab\af1\afs2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 xml:space="preserve">\ltrch\fcs0 \cs26\f1\fs20\insrsid3939485 \loch\af1\dbch\af31505\hich\f1 \'ea\'e2\'e0\'f0\'f2\'e8\'f0\'fb}{\rtlch\fcs1 \ab\af1\afs20 \ltrch\fcs0 \cs26\f1\fs20\insrsid3939485\charrsid7677893 \cell }{\rtlch\fcs1 \ab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26\f1\fs20\insrsid3939485 \hich\af1\dbch\af31505\loch\f1 35,7}{\rtlch\fcs1 \ab\af1\afs20 \ltrch\fcs0 \cs26\f1\fs20\insrsid3939485\charrsid7677893 \cell }{\rtlch\fcs1 \ab\af1\afs20 \ltrch\fcs0 \cs26\f1\fs20\insrsid3939485 \loch\af1\dbch\af31505\hich\f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'd0\'ee\'f1\'f1\'e8\'ff}{\rtlch\fcs1 \ab\af1\afs20 \ltrch\fcs0 \cs26\f1\fs20\insrsid3939485\charrsid7677893 \cell }{\rtlch\fcs1 \af1\afs20 \ltrch\fcs0 \f1\fs20\insrsid3939485 \loch\af1\dbch\af31505\hich\f1 \'ed\'e5\'f2}{\rtlch\fcs1 \af1\afs2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trch\fcs0 \f1\fs20\insrsid3939485\charrsid7677893 \cell }\pard \ltrpar\qc \li0\ri0\sa200\sl276\slmult1\widctlpar\intbl\wrapdefault\aspalpha\aspnum\faauto\adjustright\rin0\lin0\pararsid3176460 {\rtlch\fcs1 \ab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s26\f1\fs20\insrsid3939485\charrsid8918019 \loch\af1\dbch\af31505\hich\f1 \'ed\'e5\'f2}{\rtlch\fcs1 \af0 \ltrch\fcs0 \insrsid3939485 \cell }{\rtlch\fcs1 \ab\af1\afs20 \ltrch\fcs0 \cs26\f1\fs20\insrsid3939485\charrsid8918019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och\af1\dbch\af31505\hich\f1 \'ed\'e5\'f2}{\rtlch\fcs1 \af0 \ltrch\fcs0 \insrsid3939485 \cell }{\rtlch\fcs1 \ab\af1\afs20 \ltrch\fcs0 \cs26\f1\fs20\insrsid3939485\charrsid8918019 \loch\af1\dbch\af31505\hich\f1 \'ed\'e5\'f2}{\rtlch\fcs1 \af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insrsid3939485 \cell }\pard \ltrpar\ql \li0\ri0\sa200\sl276\slmult1\widctlpar\intbl\wrapdefault\aspalpha\aspnum\faauto\adjustright\rin0\lin0 {\rtlch\fcs1 \af0 \ltrch\fcs0 \insrsid3939485\charrsid7677893 \trowd \irow7\irowband7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4850037\tblind40\tblindtype3 \clvertalc\clbrdrt\brdrs\brdrw10 \clbrdrl\brdrs\brdrw10 \clbrdrb\brdrs\brdrw10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0 \cltxlrtb\clftsWidth3\clwWidth2268\clshdrawnil \cellx2268\clvertalc\clbrdrt\brdrs\brdrw10 \clbrdrl\brdrs\brdrw10 \clbrdrb\brdrs\brdrw10 \clbrdrr\brdrs\brdrw10 \cltxlrtb\clftsWidth3\clwWidth1843\clshdrawnil \cellx4111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134\clshdrawnil \cellx7088\clvertalc\clbrdrt\brdrs\brdrw10 \clbrdrl\brdrs\brdrw10 \clbrdrb\brdrs\brdrw10 \clbrdrr\brdrs\brdrw10 \cltxlrtb\clftsWidth3\clwWidth1559\clshdrawnil \cellx8647\clvertalc\clbrdrt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701\clshdrawnil \cellx10348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559\clshdrawnil \cellx11907\clvertalc\clbrdrt\brdrs\brdrw10 \clbrdrl\brdrs\brdrw10 \clbrdrb\brdrs\brdrw10 \clbrdrr\brdrs\brdrw10 \cltxlrtb\clftsWidth3\clwWidth993\clshdrawnil \cellx12900\clvertalc\clbrdrt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559\clshdrawnil \cellx14459\row \ltrrow}\pard\plain \ltrpar\s22\qc </w:t>
      </w:r>
      <w:r w:rsidRPr="000C5150">
        <w:rPr>
          <w:rFonts w:ascii="Courier New" w:hAnsi="Courier New" w:cs="Courier New"/>
          <w:lang w:val="en-US"/>
        </w:rPr>
        <w:lastRenderedPageBreak/>
        <w:t xml:space="preserve">\li0\ri0\sl276\slmult1\widctlpar\intbl\wrapdefault\faauto\rin0\lin0\pararsid317646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rtlch\fcs1 \af1\afs24\alang1025 \ltrch\fcs0 \fs24\lang1049\langfe1049\loch\af1\hich\af1\dbch\af31505\cgrid\langnp1049\langfenp1049 {\rtlch\fcs1 \af1\afs20 \ltrch\fcs0 \cs15\fs20\insrsid10977154 \loch\af1\dbch\af31505\hich\f1 \'cd\'e5\'f1\'ee\'e2\'e5\'f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'f8\'e5\'ed\'ed\'ee\'eb\'e5\'f2\'ed\'e8\'e9\loch\f1 \hich\f1  \'f0\'e5\'e1\'e5\'ed\'ee\'ea}{\rtlch\fcs1 \af1\afs20 \ltrch\fcs0 \cs15\fs20\insrsid10977154\charrsid8471605 \cell }\pard\plain \ltrpar\s19\qc \li-40\ri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intbl\wrapdefault\faauto\rin0\lin-40\pararsid3176460 \rtlch\fcs1 \af1\afs24\alang1025 \ltrch\fcs0 \fs24\lang1049\langfe1049\loch\af1\hich\af1\dbch\af31505\cgrid\langnp1049\langfenp1049 {\rtlch\fcs1 \af1\afs20 \ltrch\fcs0 \fs20\insrsid10977154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och\af1\dbch\af31505\hich\f1 \'ed\'e5\'f2\cell }\pard\plain \ltrpar\qc \li0\ri0\sa200\sl276\slmult1\widctlpar\intbl\wrapdefault\aspalpha\aspnum\faauto\adjustright\rin0\lin0\pararsid3176460 \rtlch\fcs1 \af0\afs22\alang1025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fs22\lang1049\langfe1049\loch\af31506\hich\af31506\dbch\af31505\cgrid\langnp1049\langfenp1049 {\rtlch\fcs1 \ab\af145\afs20 \ltrch\fcs0 \cs26\f145\fs20\insrsid10977154 \loch\af145\dbch\af31505\hich\f145 \'bc\loch\f145  }{\rtlch\fcs1 \ab\af1\afs2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trch\fcs0 \cs26\f1\fs20\insrsid10977154 \loch\af1\dbch\af31505\hich\f1 \'ea\'e2\'e0\'f0\'f2\'e8\'f0\loch\af1\dbch\af31505\hich\f1 \'fb}{\rtlch\fcs1 \ab\af1\afs20 \ltrch\fcs0 \cs26\f1\fs20\insrsid10977154\charrsid7677893 \cell }{\rtlch\fcs1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ab\af1\afs20 \ltrch\fcs0 \cs26\f1\fs20\insrsid10977154 \hich\af1\dbch\af31505\loch\f1 35,7}{\rtlch\fcs1 \ab\af1\afs20 \ltrch\fcs0 \cs26\f1\fs20\insrsid10977154\charrsid7677893 \cell }{\rtlch\fcs1 \ab\af1\afs20 \ltrch\fcs0 \cs26\f1\fs20\insrsid10977154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och\af1\dbch\af31505\hich\f1 \'d0\'ee\'f1\'f1\'e8\'ff}{\rtlch\fcs1 \ab\af1\afs20 \ltrch\fcs0 \cs26\f1\fs20\insrsid10977154\charrsid7677893 \cell }{\rtlch\fcs1 \af1\afs20 \ltrch\fcs0 \f1\fs20\insrsid10977154 \loch\af1\dbch\af31505\hich\f1 \'ed\'e5\'f2}{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rtlch\fcs1 \af1\afs20 \ltrch\fcs0 \f1\fs20\insrsid10977154\charrsid7677893 \cell }{\rtlch\fcs1 \ab\af1\afs20 \ltrch\fcs0 \cs26\f1\fs20\insrsid10977154\charrsid8918019 \loch\af1\dbch\af31505\hich\f1 \'ed\'e5\'f2}{\rtlch\fcs1 \af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insrsid10977154 \cell }{\rtlch\fcs1 \ab\af1\afs20 \ltrch\fcs0 \cs26\f1\fs20\insrsid10977154\charrsid8918019 \loch\af1\dbch\af31505\hich\f1 \'ed\'e5\'f2}{\rtlch\fcs1 \af0 \ltrch\fcs0 \insrsid10977154 \cell }{\rtlch\fcs1 \ab\af1\afs20 \ltrch\fcs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s26\f1\fs20\insrsid10977154\charrsid8918019 \loch\af1\dbch\af31505\hich\f1 \'ed\'e5\'f2}{\rtlch\fcs1 \af0 \ltrch\fcs0 \insrsid10977154 \cell }\pard \ltrpar\ql \li0\ri0\sa20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widctlpar\intbl\wrapdefault\aspalpha\aspnum\faauto\adjustright\rin0\lin0 {\rtlch\fcs1 \af0 \ltrch\fcs0 \insrsid10977154\charrsid7677893 \trowd \irow8\irowband8\lastrow \ltrrow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4850037\tblind40\tblindtype3 \clvertalc\clbrdrt\brdrs\brdrw10 \clbrdrl\brdrs\brdrw10 \clbrdrb\brdrs\brdrw10 \clbrdrr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brdrs\brdrw10 \cltxlrtb\clftsWidth3\clwWidth2268\clshdrawnil \cellx2268\clvertalc\clbrdrt\brdrs\brdrw10 \clbrdrl\brdrs\brdrw10 \clbrdrb\brdrs\brdrw10 \clbrdrr\brdrs\brdrw10 \cltxlrtb\clftsWidth3\clwWidth1843\clshdrawnil \cellx4111\clvertalc\clbrdrt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</w:t>
      </w:r>
      <w:r w:rsidRPr="000C5150">
        <w:rPr>
          <w:rFonts w:ascii="Courier New" w:hAnsi="Courier New" w:cs="Courier New"/>
          <w:lang w:val="en-US"/>
        </w:rPr>
        <w:lastRenderedPageBreak/>
        <w:t xml:space="preserve">\cellx5954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134\clshdrawnil \cellx7088\clvertalc\clbrdrt\brdrs\brdrw10 \clbrdrl\brdrs\brdrw10 \clbrdrb\brdrs\brdrw10 \clbrdrr\brdrs\brdrw10 \cltxlrtb\clftsWidth3\clwWidth1559\clshdrawnil \cellx8647\clvertalc\clbrdrt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701\clshdrawnil \cellx10348\clvertalc\clbrdrt\brdrs\brdrw10 \clbrdrl\brdrs\brdrw10 \clbrdrb\brdrs\brdrw10 \clbrdrr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cltxlrtb\clftsWidth3\clwWidth1559\clshdrawnil \cellx11907\clvertalc\clbrdrt\brdrs\brdrw10 \clbrdrl\brdrs\brdrw10 \clbrdrb\brdrs\brdrw10 \clbrdrr\brdrs\brdrw10 \cltxlrtb\clftsWidth3\clwWidth993\clshdrawnil \cellx12900\clvertalc\clbrdrt\brdrs\brdrw1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clbrdrl\brdrs\brdrw10 \clbrdrb\brdrs\brdrw10 \clbrdrr\brdrs\brdrw10 \cltxlrtb\clftsWidth3\clwWidth1559\clshdrawnil \cellx14459\row }\pard \ltrpar\qc \li0\ri0\sa200\sl276\slmult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widctlpar\wrapdefault\aspalpha\aspnum\faauto\adjustright\rin0\lin0\itap0\pararsid1051230 {\rtlch\fcs1 \af1\afs24 \ltrch\fcs0 \f1\fs24\insrsid1051230\charrsid1051230 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par }{\*\themedata 504b030414000600080000002100e9de0fbfff0000001c020000130000005b436f6e74656e745f54797065735d2e786d6cac91cb4ec3301045f748fc83e52d4a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9cb2400825e982c78ec7a27cc0c8992416c9d8b2a755fbf74cd25442a820166c2cd933f79e3be372bd1f07b5c3989ca74aaff2422b24eb1b475da5df374fd9ad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5689811a183c61a50f98f4babebc2837878049899a52a57be670674cb23d8e90721f90a4d2fa3802cb35762680fd800ecd7551dc18eb899138e3c943d7e503b6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b01d583deee5f99824e290b4ba3f364eac4a430883b3c092d4eca8f946c916422ecab927f52ea42b89a1cd59c254f919b0e85e6535d135a8de20f20b8c12c3b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c895fcf6720192de6bf3b9e89ecdbd6596cbcdd8eb28e7c365ecc4ec1ff1460f53fe813d3cc7f5b7f020000ffff0300504b030414000600080000002100a5d6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a7e7c0000000360100000b0000005f72656c732f2e72656c73848fcf6ac3300c87ef85bd83d17d51d2c31825762fa590432fa37d00e1287f68221bdb1bebdb4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c7060abb0884a4eff7a93dfeae8bf9e194e720169aaa06c3e2433fcb68e1763dbf7f82c985a4a725085b787086a37bdbb55fbc50d1a33ccd311ba548b6309512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f88d94fbc52ae4264d1c910d24a45db3462247fa791715fd71f989e19e0364cd3f51652d73760ae8fa8c9ffb3c330cc9e4fc17faf2ce545046e37944c69e462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a1a82fe353bd90a865aad41ed0b5b8f9d6fd010000ffff0300504b0304140006000800000021006b799616830000008a0000001c0000007468656d652f746865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6d652f7468656d654d616e616765722e786d6c0ccc4d0ac3201040e17da17790d93763bb284562b2cbaebbf600439c1a41c7a0d29fdbd7e5e38337cedf14d59b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4b0d592c9c070d8a65cd2e88b7f07c2ca71ba8da481cc52c6ce1c715e6e97818c9b48d13df49c873517d23d59085adb5dd20d6b52bd521ef2cdd5eb9246a3d8b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4757e8d3f729e245eb2b260a0238fd010000ffff0300504b030414000600080000002100a0bc18c6b5060000831b0000160000007468656d652f7468656d652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7468656d65312e786d6cec59cf6e1b4518bf23f10ea3bdb7b1133b8da33855ecd80db469a3d82dea71bc1eef4e33bbb39a1927f5ad4a8f482044411ca8045c38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2020528bb8b4efe03e43a0088ad457e09b995d7b27de90a48da082e6107b677fdfff3ff3cd78e5f2dd88a15d2224e571dd2b5f2c7988c43eefd338a87b37bbed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b4b1e920ac77dcc784ceade8848eff2eabbeface06515928820a08fe532ae7ba152c9f2dc9cf46119cb8b3c2131bc1b701161058f2298eb0bbc077c2336375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2a2dce4598c61e8a71046cc7df8c7f1a3f191fa01b8301f589b79af16f3110122ba9177c263a9a3bc988be7eb63f3e183f1d3f1e1f3cbb07df9fc2e7c786b6b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53d61472249b4ca05dccea1e88eef3bd2eb9ab3cc4b054f0a2ee95cc9f37b7ba3287975322a68ea1cdd1b5cd5f4a9712f477e68d4c11f42642cbed4aedd2fa84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bf0130358b6bb55acd5679c2cf00b0ef83e556973ccf4a7ba9dcc878e640f6eb2cef66a95aaab8f81cff85199d6b8d46a35a4b75b14c0dc87eadcce0974a8b95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b579076f40165f9dc1571a6bcde6a28337208b5f9cc1b72fd5162b2ede804246e39d19b40e68bb9d729f40069c6d14c29700be544ae1531464c324dbb488018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>d569732fc277b8680381266458d118a9514206d887446fe2a82728d602f132c1b93776c997334b5a3692bea089aa7bef27188a66caefe593ef5f3e79840ef71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1feeff7c78fffee1fe8f969143b581e3204ff5e2db4ffe7c780ffdf1e8ab170f3e2bc6cb3cfed71f3efce5e9a7c54028a7a93acf3f3ff8edf1c1f32f3efafdbb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705f035817b7978974644a2eb640f6df3080c335e7135273d71368a6e88699e622d0e248eb19652c0bfa542077d7d84591a1d478f06713d784b403b29025e19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de7114ee8462a86881e4ab61e4003739670d2e0abd7055cbcab9b93b8c8362e16298c76d63bc5b24bb896327bead61027d354b4bc7f066481c35b7188e150e48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4c14d2eff80e2105d6dda6d4f1eb26f505977ca0d06d8a1a9816baa44b7b4e364d89366804711915d90cf1767cb3790b35382bb27a9decba48a80acc0a94ef12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e6b8f10a1e2a1c15b1ece288e51d7e0dabb048c9ce48f8795c4b2a8874401847ad3e91b288e686007b7341bf8aa18315867d938d22172914dd29e2790d739e47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aef39d6688a3a408dba17198c7be2777204531dae2aa08bec9dd0ad1cf10071c1f1bee5b9438e13eb91bdca481a3d23441f49ba1d0b184d6ed74e088c67fd78e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19857e6c73e0fcda3134c0e75f3e2cc8ac37b511afc19e5454091b47daef71b8a34db7c9459fbef93d771d0fe32d02693ebbf1bc6db96f5baef79f6fb9c7d5f3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691bedb4b742dbd573831d92cdc81c9d7a621e50c63a6ac4c83569866609fb46bf0d8b9a8f395092c9892a09e16bdae71d5c20b0a14182ab0fa80a3b214e60e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2e7b9a492053d68144099770f033cb85bc351e8676658f8d557da0b0fd4162b5c9fb7679412f67e786091bb3fb04e6b09a095ad00c4e2b6ce152ca14cc7e156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65add4a9a5958d6aa6f539d22626434c674d83c5893761204130c6809717e148af45c3410533d2d77eb77b7116161385f30c910c719fa431d276cfc6a86c8294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e58ab93980dc2988913e049ee0b59cb49a66fb1ad24e13a4bcb8ca31e2b2e8bd4e94b20c9e4649d7f191726471be38598cf6ea5ead3a5ff5908f93ba3780332e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7c8d1288bad433206601dc25f94ad8b43fb1984d954fa359cb0c738ba00cd718d6ef33063b7d201152ad6319dad430afd21460b19664f59faf825bcfcb009be9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afa0c5c21224c3bfa605f8d10d2d190c88aff2c1cead68dfd9c7b495f2a122a213f6f7508f0dc53686f0eb54057bfa54c25585e908fa01eed9b4b7cd2bb739a7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4597bfdd3238bb8e5912e2b4ddea12cd2ad9c24d1d4f74304f39f5c0b642dd8d716737c594fc3999924fe3ff99297a3f819b8385be8e800f37bf02235daf758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b1572e8424948fdb68041c2f40ec816b8ab85d7905470ff6c3e05d9d59fb6e62c0f53d6700054db344082c27ea44241c816b425937d27302ba77b9765c95246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26a372eacac4aadd23bb8475750f5cd47bbb87424875d34dd236607047f3cf7d4e2ba817e821275f6f4e0f99ecbdb606fee9c9c7163318e5f66133d064fe9fa8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58b0ab5a7a439eedbd7943f48be99855c9aa0284e5b6825a5af6afa8c219b75adbb1662c9eaf66ca4114672d86c5c94094c0fd0fd2ff60ffa3c267f6970cbda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76f936f456043f446866903690d517ece0817483b48b3d189ceca24d26cdcaba361d9db4d7b2cdfa9c27dd89dc23ced69a9d26de6774f6643873c539b5789ece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4e3decf8daae1deb6a88ecd11285a54176b0318131bf82e57fa5e2bd3b10e875b8ef1f32254d32c16f4e02c3e8d9317500c56f251ad2d5bf000000ffff03005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4b0304140006000800000021000dd1909fb60000001b010000270000007468656d652f7468656d652f5f72656c732f7468656d654d616e616765722e786d6c2e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72656c73848f4d0ac2301484f78277086f6fd3ba109126dd88d0add40384e4350d363f2451eced0dae2c082e8761be9969bb979dc9136332de3168aa1a083ae9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95719ac16db8ec8e4052164e89d93b64b060828e6f37ed1567914b284d262452282e3198720e274a939cd08a54f980ae38a38f56e422a3a641c8bbd048f7757d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a0f19b017cc524bd62107bd5001996509affb3fd381a89672f1f165dfe514173d9850528a2c6cce0239baa4c04ca5bbabac4df000000ffff0300504b01022d0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14000600080000002100e9de0fbfff0000001c0200001300000000000000000000000000000000005b436f6e74656e745f54797065735d2e786d6c504b01022d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014000600080000002100a5d6a7e7c0000000360100000b00000000000000000000000000300100005f72656c732f2e72656c73504b01022d0014000600080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00021006b799616830000008a0000001c00000000000000000000000000190200007468656d652f7468656d652f7468656d654d616e616765722e786d6c504b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1022d0014000600080000002100a0bc18c6b5060000831b00001600000000000000000000000000d60200007468656d652f7468656d652f7468656d65312e78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6d6c504b01022d00140006000800000021000dd1909fb60000001b0100002700000000000000000000000000bf0900007468656d652f7468656d652f5f72656c732f7468656d654d616e616765722e786d6c2e72656c73504b050600000000050005005d010000ba0a00000000}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>{\*\colorschememapping 3c3f786d6c2076657273696f6e3d22312e302220656e636f64696e673d225554462d3822207374616e64616c6f6e653d22796573223f3e0d0a3c613a636c724d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617020786d6c6e733a613d22687474703a2f2f736368656d61732e6f70656e786d6c666f726d6174732e6f72672f64726177696e676d6c2f323030362f6d6169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6e22206267313d226c743122207478313d22646b3122206267323d226c743222207478323d22646b322220616363656e74313d22616363656e74312220616363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656e74323d22616363656e74322220616363656e74333d22616363656e74332220616363656e74343d22616363656e74342220616363656e74353d22616363656e74352220616363656e74363d22616363656e74362220686c696e6b3d22686c696e6b2220666f6c486c696e6b3d22666f6c486c696e6b222f3e}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{\*\latentstyles\lsdstimax267\lsdlockeddef0\lsdsemihiddendef1\lsdunhideuseddef1\lsdqformatdef0\lsdprioritydef99{\lsdlockedexcept \lsdsemihidden0 \lsdunhideused0 \lsdqformat1 \lsdpriority0 \lsdlocked0 Normal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qformat1 \lsdpriority9 \lsdlocked0 heading 1;\lsdqformat1 \lsdpriority9 \lsdlocked0 heading 2;\lsdqformat1 \lsdpriority9 \lsdlocked0 heading 3;\lsdqformat1 \lsdpriority9 \lsdlocked0 heading 4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qformat1 \lsdpriority9 \lsdlocked0 heading 5;\lsdqformat1 \lsdpriority9 \lsdlocked0 heading 6;\lsdqformat1 \lsdpriority9 \lsdlocked0 heading 7;\lsdqformat1 \lsdpriority9 \lsdlocked0 heading 8;\lsdqformat1 \lsdpriority9 \lsdlocked0 heading 9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priority39 \lsdlocked0 toc 1;\lsdpriority39 \lsdlocked0 toc 2;\lsdpriority39 \lsdlocked0 toc 3;\lsdpriority39 \lsdlocked0 toc 4;\lsdpriority39 \lsdlocked0 toc 5;\lsdpriority39 \lsdlocked0 toc 6;\lsdpriority39 \lsdlocked0 toc 7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priority39 \lsdlocked0 toc 8;\lsdpriority39 \lsdlocked0 toc 9;\lsdqformat1 \lsdpriority35 \lsdlocked0 caption;\lsdsemihidden0 \lsdunhideused0 \lsdqformat1 \lsdpriority10 \lsdlocked0 Title;\lsdpriority1 \lsdlocked0 Default Paragraph Font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qformat1 \lsdpriority11 \lsdlocked0 Subtitle;\lsdsemihidden0 \lsdunhideused0 \lsdqformat1 \lsdpriority22 \lsdlocked0 Strong;\lsdsemihidden0 \lsdunhideused0 \lsdqformat1 \lsdpriority20 \lsdlocked0 Emphasis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59 \lsdlocked0 Table Grid;\lsdunhideused0 \lsdlocked0 Placeholder Text;\lsdsemihidden0 \lsdunhideused0 \lsdqformat1 \lsdpriority1 \lsdlocked0 No Spacing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0 \lsdlocked0 Light Shading;\lsdsemihidden0 \lsdunhideused0 \lsdpriority61 \lsdlocked0 Light List;\lsdsemihidden0 \lsdunhideused0 \lsdpriority62 \lsdlocked0 Light Grid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3 \lsdlocked0 Medium Shading 1;\lsdsemihidden0 \lsdunhideused0 \lsdpriority64 \lsdlocked0 Medium Shading 2;\lsdsemihidden0 \lsdunhideused0 \lsdpriority65 \lsdlocked0 Medium List 1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6 \lsdlocked0 Medium List 2;\lsdsemihidden0 \lsdunhideused0 \lsdpriority67 \lsdlocked0 Medium Grid 1;\lsdsemihidden0 \lsdunhideused0 \lsdpriority68 \lsdlocked0 Medium Grid 2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9 \lsdlocked0 Medium Grid 3;\lsdsemihidden0 \lsdunhideused0 \lsdpriority70 \lsdlocked0 Dark List;\lsdsemihidden0 \lsdunhideused0 \lsdpriority71 \lsdlocked0 Colorful Shading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72 \lsdlocked0 Colorful List;\lsdsemihidden0 \lsdunhideused0 \lsdpriority73 \lsdlocked0 Colorful Grid;\lsdsemihidden0 \lsdunhideused0 \lsdpriority60 \lsdlocked0 Light Shading Accent 1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1 \lsdlocked0 Light List Accent 1;\lsdsemihidden0 \lsdunhideused0 \lsdpriority62 \lsdlocked0 Light Grid Accent 1;\lsdsemihidden0 \lsdunhideused0 \lsdpriority63 \lsdlocked0 Medium Shading 1 Accent 1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>\lsdsemihidden0 \lsdunhideused0 \lsdpriority64 \lsdlocked0 Medium Shading 2 Accent 1;\lsdsemihidden0 \lsdunhideused0 \lsdpriority65 \lsdlocked0 Medium List 1 Accent 1;\lsdunhideused0 \lsdlocked0 Revision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qformat1 \lsdpriority34 \lsdlocked0 List Paragraph;\lsdsemihidden0 \lsdunhideused0 \lsdqformat1 \lsdpriority29 \lsdlocked0 Quote;\lsdsemihidden0 \lsdunhideused0 \lsdqformat1 \lsdpriority30 \lsdlocked0 Intense Quote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6 \lsdlocked0 Medium List 2 Accent 1;\lsdsemihidden0 \lsdunhideused0 \lsdpriority67 \lsdlocked0 Medium Grid 1 Accent 1;\lsdsemihidden0 \lsdunhideused0 \lsdpriority68 \lsdlocked0 Medium Grid 2 Accent 1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9 \lsdlocked0 Medium Grid 3 Accent 1;\lsdsemihidden0 \lsdunhideused0 \lsdpriority70 \lsdlocked0 Dark List Accent 1;\lsdsemihidden0 \lsdunhideused0 \lsdpriority71 \lsdlocked0 Colorful Shading Accent 1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72 \lsdlocked0 Colorful List Accent 1;\lsdsemihidden0 \lsdunhideused0 \lsdpriority73 \lsdlocked0 Colorful Grid Accent 1;\lsdsemihidden0 \lsdunhideused0 \lsdpriority60 \lsdlocked0 Light Shading Accent 2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1 \lsdlocked0 Light List Accent 2;\lsdsemihidden0 \lsdunhideused0 \lsdpriority62 \lsdlocked0 Light Grid Accent 2;\lsdsemihidden0 \lsdunhideused0 \lsdpriority63 \lsdlocked0 Medium Shading 1 Accent 2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4 \lsdlocked0 Medium Shading 2 Accent 2;\lsdsemihidden0 \lsdunhideused0 \lsdpriority65 \lsdlocked0 Medium List 1 Accent 2;\lsdsemihidden0 \lsdunhideused0 \lsdpriority66 \lsdlocked0 Medium List 2 Accent 2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7 \lsdlocked0 Medium Grid 1 Accent 2;\lsdsemihidden0 \lsdunhideused0 \lsdpriority68 \lsdlocked0 Medium Grid 2 Accent 2;\lsdsemihidden0 \lsdunhideused0 \lsdpriority69 \lsdlocked0 Medium Grid 3 Accent 2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70 \lsdlocked0 Dark List Accent 2;\lsdsemihidden0 \lsdunhideused0 \lsdpriority71 \lsdlocked0 Colorful Shading Accent 2;\lsdsemihidden0 \lsdunhideused0 \lsdpriority72 \lsdlocked0 Colorful List Accent 2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73 \lsdlocked0 Colorful Grid Accent 2;\lsdsemihidden0 \lsdunhideused0 \lsdpriority60 \lsdlocked0 Light Shading Accent 3;\lsdsemihidden0 \lsdunhideused0 \lsdpriority61 \lsdlocked0 Light List Accent 3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2 \lsdlocked0 Light Grid Accent 3;\lsdsemihidden0 \lsdunhideused0 \lsdpriority63 \lsdlocked0 Medium Shading 1 Accent 3;\lsdsemihidden0 \lsdunhideused0 \lsdpriority64 \lsdlocked0 Medium Shading 2 Accent 3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5 \lsdlocked0 Medium List 1 Accent 3;\lsdsemihidden0 \lsdunhideused0 \lsdpriority66 \lsdlocked0 Medium List 2 Accent 3;\lsdsemihidden0 \lsdunhideused0 \lsdpriority67 \lsdlocked0 Medium Grid 1 Accent 3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8 \lsdlocked0 Medium Grid 2 Accent 3;\lsdsemihidden0 \lsdunhideused0 \lsdpriority69 \lsdlocked0 Medium Grid 3 Accent 3;\lsdsemihidden0 \lsdunhideused0 \lsdpriority70 \lsdlocked0 Dark List Accent 3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71 \lsdlocked0 Colorful Shading Accent 3;\lsdsemihidden0 \lsdunhideused0 \lsdpriority72 \lsdlocked0 Colorful List Accent 3;\lsdsemihidden0 \lsdunhideused0 \lsdpriority73 \lsdlocked0 Colorful Grid Accent 3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0 \lsdlocked0 Light Shading Accent 4;\lsdsemihidden0 \lsdunhideused0 \lsdpriority61 \lsdlocked0 Light List Accent 4;\lsdsemihidden0 \lsdunhideused0 \lsdpriority62 \lsdlocked0 Light Grid Accent 4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 xml:space="preserve">\lsdsemihidden0 \lsdunhideused0 \lsdpriority63 \lsdlocked0 Medium Shading 1 Accent 4;\lsdsemihidden0 \lsdunhideused0 \lsdpriority64 \lsdlocked0 </w:t>
      </w:r>
      <w:r w:rsidRPr="000C5150">
        <w:rPr>
          <w:rFonts w:ascii="Courier New" w:hAnsi="Courier New" w:cs="Courier New"/>
          <w:lang w:val="en-US"/>
        </w:rPr>
        <w:lastRenderedPageBreak/>
        <w:t>Medium Shading 2 Accent 4;\lsdsemihidden0 \lsdunhideused0 \lsdpriority65 \lsdlocked0 Medium List 1 Accent 4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6 \lsdlocked0 Medium List 2 Accent 4;\lsdsemihidden0 \lsdunhideused0 \lsdpriority67 \lsdlocked0 Medium Grid 1 Accent 4;\lsdsemihidden0 \lsdunhideused0 \lsdpriority68 \lsdlocked0 Medium Grid 2 Accent 4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9 \lsdlocked0 Medium Grid 3 Accent 4;\lsdsemihidden0 \lsdunhideused0 \lsdpriority70 \lsdlocked0 Dark List Accent 4;\lsdsemihidden0 \lsdunhideused0 \lsdpriority71 \lsdlocked0 Colorful Shading Accent 4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72 \lsdlocked0 Colorful List Accent 4;\lsdsemihidden0 \lsdunhideused0 \lsdpriority73 \lsdlocked0 Colorful Grid Accent 4;\lsdsemihidden0 \lsdunhideused0 \lsdpriority60 \lsdlocked0 Light Shading Accent 5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1 \lsdlocked0 Light List Accent 5;\lsdsemihidden0 \lsdunhideused0 \lsdpriority62 \lsdlocked0 Light Grid Accent 5;\lsdsemihidden0 \lsdunhideused0 \lsdpriority63 \lsdlocked0 Medium Shading 1 Accent 5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4 \lsdlocked0 Medium Shading 2 Accent 5;\lsdsemihidden0 \lsdunhideused0 \lsdpriority65 \lsdlocked0 Medium List 1 Accent 5;\lsdsemihidden0 \lsdunhideused0 \lsdpriority66 \lsdlocked0 Medium List 2 Accent 5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7 \lsdlocked0 Medium Grid 1 Accent 5;\lsdsemihidden0 \lsdunhideused0 \lsdpriority68 \lsdlocked0 Medium Grid 2 Accent 5;\lsdsemihidden0 \lsdunhideused0 \lsdpriority69 \lsdlocked0 Medium Grid 3 Accent 5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70 \lsdlocked0 Dark List Accent 5;\lsdsemihidden0 \lsdunhideused0 \lsdpriority71 \lsdlocked0 Colorful Shading Accent 5;\lsdsemihidden0 \lsdunhideused0 \lsdpriority72 \lsdlocked0 Colorful List Accent 5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73 \lsdlocked0 Colorful Grid Accent 5;\lsdsemihidden0 \lsdunhideused0 \lsdpriority60 \lsdlocked0 Light Shading Accent 6;\lsdsemihidden0 \lsdunhideused0 \lsdpriority61 \lsdlocked0 Light List Accent 6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2 \lsdlocked0 Light Grid Accent 6;\lsdsemihidden0 \lsdunhideused0 \lsdpriority63 \lsdlocked0 Medium Shading 1 Accent 6;\lsdsemihidden0 \lsdunhideused0 \lsdpriority64 \lsdlocked0 Medium Shading 2 Accent 6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5 \lsdlocked0 Medium List 1 Accent 6;\lsdsemihidden0 \lsdunhideused0 \lsdpriority66 \lsdlocked0 Medium List 2 Accent 6;\lsdsemihidden0 \lsdunhideused0 \lsdpriority67 \lsdlocked0 Medium Grid 1 Accent 6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68 \lsdlocked0 Medium Grid 2 Accent 6;\lsdsemihidden0 \lsdunhideused0 \lsdpriority69 \lsdlocked0 Medium Grid 3 Accent 6;\lsdsemihidden0 \lsdunhideused0 \lsdpriority70 \lsdlocked0 Dark List Accent 6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priority71 \lsdlocked0 Colorful Shading Accent 6;\lsdsemihidden0 \lsdunhideused0 \lsdpriority72 \lsdlocked0 Colorful List Accent 6;\lsdsemihidden0 \lsdunhideused0 \lsdpriority73 \lsdlocked0 Colorful Grid Accent 6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qformat1 \lsdpriority19 \lsdlocked0 Subtle Emphasis;\lsdsemihidden0 \lsdunhideused0 \lsdqformat1 \lsdpriority21 \lsdlocked0 Intense Emphasis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qformat1 \lsdpriority31 \lsdlocked0 Subtle Reference;\lsdsemihidden0 \lsdunhideused0 \lsdqformat1 \lsdpriority32 \lsdlocked0 Intense Reference;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\lsdsemihidden0 \lsdunhideused0 \lsdqformat1 \lsdpriority33 \lsdlocked0 Book Title;\lsdpriority37 \lsdlocked0 Bibliography;\lsdqformat1 \lsdpriority39 \lsdlocked0 TOC Heading;}}{\*\datastore 01050000020000001800000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4d73786d6c322e534158584d4c5265616465722e362e30000000000000000000000e000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>d0cf11e0a1b11ae1000000000000000000000000000000003e000300feff0900060000000000000000000000010000000100000000000000001000000200000001000000feffffff0000000000000000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ffffffffffffffffdffffff04000000feffffff05000000fefffffffeffffffffffffffffffffffffffffffffffffffffffffffffffffffffffffffffffffffffffffffffffffffffffffffffffffff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fffffffffffffffffffffffffffffff52006f006f007400200045006e00740072007900000000000000000000000000000000000000000000000000000000000000000000000000000000000000000016000500ffffffffffffffff010000000c6ad98892f1d411a65f0040963251e5000000000000000000000000f0a7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58860db7d1010300000080020000000000004d0073006f004400610074006100530074006f0072006500000000000000000000000000000000000000000000000000000000000000000000000000000000001a000101ffffffffffffffff020000000000000000000000000000000000000000000000f0a758860db7d101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0a758860db7d101000000000000000000000000c1003200c400d400c70050004a00d200cb0045004300c3005300d80034004900c8004400ca00d300dc00d0003d003d000000000000000000000000000000000032000101ffffffffffffffff030000000000000000000000000000000000000000000000f0a758860db7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d101f0a758860db7d1010000000000000000000000004900740065006d0000000000000000000000000000000000000000000000000000000000000000000000000000000000000000000000000000000000000000000a000201ffffffff04000000ffffffff00000000000000000000000000000000000000000000000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0000000000000000000000000000000d800000000000000010000000200000003000000feffffff0500000006000000070000000800000009000000feffffffffffffffffffffffffffffffffffffff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lastRenderedPageBreak/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ffffffffffffffffffffffffffffffffffffffffffffffffffffffffffffffff3c623a536f75726365732053656c65637465645374796c653d225c4150412e58534c22205374796c654e616d653d224150412220786d6c6e733a623d22687474703a2f2f736368656d61732e6f70656e786d6c666f726d6174732e6f7267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2f6f6666696365446f63756d656e742f323030362f6269626c696f6772617068792220786d6c6e733d22687474703a2f2f736368656d61732e6f70656e786d6c666f726d6174732e6f72672f6f6666696365446f63756d656e742f323030362f6269626c696f677261706879223e3c2f623a536f75726365733ed236607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47f3cf7d4e2ba817e821275f6f4e0f99ecbdb606fee9c9c7163318e5f66133d064fe9fa83c3f786d6c2076657273696f6e3d22312e302220656e636f64696e673d225554462d3822207374616e64616c6f6e653d226e6f223f3e0d0a3c64733a6461746173746f72654974656d2064733a6974656d49443d227b39433334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433938352d373246322d343041432d413334422d3837383841303341423346337d2220786d6c6e733a64733d22687474703a2f2f736368656d61732e6f70656e786d6c666f726d6174732e6f72672f6f6666696365446f63756d656e742f323030362f637573746f6d586d6c223e3c64733a736368656d61526566733e3c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64733a736368656d615265662064733a7572693d22687474703a2f2f736368656d61732e6f70656e500072006f007000650072007400690065007300000000000000000000000000000000000000000000000000000000000000000000000000000000000000000016000200ffffffffffffffffffffffff00000000000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000000000000000000000000000000000000000000000000000000000000400000055010000000000000000000000000000000000000000000000000000000000000000000000000000000000000000000000000000000000000000000000000000000000000000000000000000ffffffffffffffffffffffff0000000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0000000000000000000000000000000000000000000000000000000000000000000000000000000000000000000000000000000000000000000000000000000000000000000000000000000000000000000000000000000000000000000000000000000000000000000000000000000ffffffffffffffffffffffff0000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00000000000000000000000000000000000000000000000000000000000000000000000000000000000000000000000000000000000000000000000000000000000000000000000000000000000000000000000000000000000000000000000000000000000000000000000000000000000fffffffffffffffffffffff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000000000000000000000000000000000000000000000000000000000000000000000000000000000000000000000000786d6c666f726d6174732e6f72672f6f6666696365446f63756d656e742f323030362f6269626c696f677261706879222f3e3c2f64733a736368656d61526566733e3c2f64733a6461746173746f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72654974656d3e4465736372697074696f6e2220747970653d227873643a737472696e6722202f3e0d0a0909092d2d3e0d0a09093c2f7873643a73657175656e63653e0d0a09093c7873643a616e79417474726962757465202f3e0d0a093c2f7873643a636f6d706c6578547970653e0d0a093c7873643a73696d706c65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54797065206e616d653d2256616c696455726c223e0d0a09093c7873643a7265737472696374696f6e20626173653d22646d733a54657874223e0d0a0909093c212d2d206b65657020696e2073796e63207769746820256f6e6574255c7574696c5c6175746f68797065726c696e6b2e637070202d2d3e0d0a0909093c78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73643a7061747465726e2076616c75653d225c732a286d61696c746f3a7c687474703a2f2f7c66696c653a2f2f7c66696c653a5c5c5c5c7c6674703a2f2f7c68747470733a2f2f7c6d736e3a7c6e6577733a7c6e6e74703a7c706e6d3a2f2f7c6d6d733a2f2f7c6f75746c6f6f6b3a292e2a22202f3e0d0a09093c2f7873</w:t>
      </w:r>
    </w:p>
    <w:p w:rsidR="00E4663F" w:rsidRPr="000C5150" w:rsidRDefault="00E4663F" w:rsidP="00E4663F">
      <w:pPr>
        <w:pStyle w:val="a3"/>
        <w:rPr>
          <w:rFonts w:ascii="Courier New" w:hAnsi="Courier New" w:cs="Courier New"/>
          <w:lang w:val="en-US"/>
        </w:rPr>
      </w:pPr>
      <w:r w:rsidRPr="000C5150">
        <w:rPr>
          <w:rFonts w:ascii="Courier New" w:hAnsi="Courier New" w:cs="Courier New"/>
          <w:lang w:val="en-US"/>
        </w:rPr>
        <w:t>643a7265737472696374696f6e3e0d0a093c2f7873643a73696d706c65547970653e0d0a093c7873643a636f6d706c657854797065206e610105000000000000}}</w:t>
      </w:r>
    </w:p>
    <w:p w:rsidR="00E4663F" w:rsidRPr="000C5150" w:rsidRDefault="00E4663F" w:rsidP="00E4663F">
      <w:pPr>
        <w:rPr>
          <w:lang w:val="en-US"/>
        </w:rPr>
      </w:pPr>
    </w:p>
    <w:p w:rsidR="00100A5E" w:rsidRPr="00E4663F" w:rsidRDefault="00100A5E" w:rsidP="00E4663F"/>
    <w:sectPr w:rsidR="00100A5E" w:rsidRPr="00E4663F" w:rsidSect="00153960">
      <w:pgSz w:w="11906" w:h="16838"/>
      <w:pgMar w:top="1134" w:right="1335" w:bottom="1134" w:left="13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CC"/>
    <w:family w:val="roman"/>
    <w:pitch w:val="variable"/>
    <w:sig w:usb0="20002A87" w:usb1="80000000" w:usb2="00000008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CC"/>
    <w:family w:val="swiss"/>
    <w:pitch w:val="variable"/>
    <w:sig w:usb0="20002A87" w:usb1="80000000" w:usb2="00000008" w:usb3="00000000" w:csb0="000001FF" w:csb1="00000000"/>
  </w:font>
  <w:font w:name="Book Antiqua">
    <w:panose1 w:val="02040602050305030304"/>
    <w:charset w:val="CC"/>
    <w:family w:val="roman"/>
    <w:pitch w:val="variable"/>
    <w:sig w:usb0="00000287" w:usb1="00000000" w:usb2="00000000" w:usb3="00000000" w:csb0="0000009F" w:csb1="00000000"/>
  </w:font>
  <w:font w:name="Consolas">
    <w:panose1 w:val="020B0609020204030204"/>
    <w:charset w:val="CC"/>
    <w:family w:val="modern"/>
    <w:pitch w:val="fixed"/>
    <w:sig w:usb0="E10002FF" w:usb1="4000FCFF" w:usb2="00000009" w:usb3="00000000" w:csb0="0000019F" w:csb1="00000000"/>
  </w:font>
  <w:font w:name="Courier New">
    <w:panose1 w:val="02070309020205020404"/>
    <w:charset w:val="CC"/>
    <w:family w:val="modern"/>
    <w:pitch w:val="fixed"/>
    <w:sig w:usb0="20002A87" w:usb1="80000000" w:usb2="00000008" w:usb3="00000000" w:csb0="0000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17A26977"/>
    <w:multiLevelType w:val="hybridMultilevel"/>
    <w:tmpl w:val="79EE24CE"/>
    <w:lvl w:ilvl="0" w:tplc="6E228360">
      <w:start w:val="1"/>
      <w:numFmt w:val="decimal"/>
      <w:lvlText w:val="%1)"/>
      <w:lvlJc w:val="left"/>
      <w:pPr>
        <w:ind w:left="3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040" w:hanging="360"/>
      </w:pPr>
    </w:lvl>
    <w:lvl w:ilvl="2" w:tplc="0419001B" w:tentative="1">
      <w:start w:val="1"/>
      <w:numFmt w:val="lowerRoman"/>
      <w:lvlText w:val="%3."/>
      <w:lvlJc w:val="right"/>
      <w:pPr>
        <w:ind w:left="1760" w:hanging="180"/>
      </w:pPr>
    </w:lvl>
    <w:lvl w:ilvl="3" w:tplc="0419000F" w:tentative="1">
      <w:start w:val="1"/>
      <w:numFmt w:val="decimal"/>
      <w:lvlText w:val="%4."/>
      <w:lvlJc w:val="left"/>
      <w:pPr>
        <w:ind w:left="2480" w:hanging="360"/>
      </w:pPr>
    </w:lvl>
    <w:lvl w:ilvl="4" w:tplc="04190019" w:tentative="1">
      <w:start w:val="1"/>
      <w:numFmt w:val="lowerLetter"/>
      <w:lvlText w:val="%5."/>
      <w:lvlJc w:val="left"/>
      <w:pPr>
        <w:ind w:left="3200" w:hanging="360"/>
      </w:pPr>
    </w:lvl>
    <w:lvl w:ilvl="5" w:tplc="0419001B" w:tentative="1">
      <w:start w:val="1"/>
      <w:numFmt w:val="lowerRoman"/>
      <w:lvlText w:val="%6."/>
      <w:lvlJc w:val="right"/>
      <w:pPr>
        <w:ind w:left="3920" w:hanging="180"/>
      </w:pPr>
    </w:lvl>
    <w:lvl w:ilvl="6" w:tplc="0419000F" w:tentative="1">
      <w:start w:val="1"/>
      <w:numFmt w:val="decimal"/>
      <w:lvlText w:val="%7."/>
      <w:lvlJc w:val="left"/>
      <w:pPr>
        <w:ind w:left="4640" w:hanging="360"/>
      </w:pPr>
    </w:lvl>
    <w:lvl w:ilvl="7" w:tplc="04190019" w:tentative="1">
      <w:start w:val="1"/>
      <w:numFmt w:val="lowerLetter"/>
      <w:lvlText w:val="%8."/>
      <w:lvlJc w:val="left"/>
      <w:pPr>
        <w:ind w:left="5360" w:hanging="360"/>
      </w:pPr>
    </w:lvl>
    <w:lvl w:ilvl="8" w:tplc="0419001B" w:tentative="1">
      <w:start w:val="1"/>
      <w:numFmt w:val="lowerRoman"/>
      <w:lvlText w:val="%9."/>
      <w:lvlJc w:val="right"/>
      <w:pPr>
        <w:ind w:left="60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defaultTabStop w:val="708"/>
  <w:drawingGridHorizontalSpacing w:val="110"/>
  <w:displayHorizontalDrawingGridEvery w:val="2"/>
  <w:characterSpacingControl w:val="doNotCompress"/>
  <w:compat>
    <w:compatSetting w:name="compatibilityMode" w:uri="http://schemas.microsoft.com/office/word" w:val="12"/>
  </w:compat>
  <w:rsids>
    <w:rsidRoot w:val="00B163D3"/>
    <w:rsid w:val="00000263"/>
    <w:rsid w:val="000002B6"/>
    <w:rsid w:val="0000110C"/>
    <w:rsid w:val="000011F9"/>
    <w:rsid w:val="000013A1"/>
    <w:rsid w:val="00001469"/>
    <w:rsid w:val="0000255D"/>
    <w:rsid w:val="00002641"/>
    <w:rsid w:val="00002660"/>
    <w:rsid w:val="00002B54"/>
    <w:rsid w:val="000030D8"/>
    <w:rsid w:val="00003810"/>
    <w:rsid w:val="00004E35"/>
    <w:rsid w:val="000050BF"/>
    <w:rsid w:val="000055CD"/>
    <w:rsid w:val="0000611D"/>
    <w:rsid w:val="00006C7F"/>
    <w:rsid w:val="00007637"/>
    <w:rsid w:val="0001037A"/>
    <w:rsid w:val="000104A7"/>
    <w:rsid w:val="00010AF9"/>
    <w:rsid w:val="00010C12"/>
    <w:rsid w:val="00010D7F"/>
    <w:rsid w:val="00010DBC"/>
    <w:rsid w:val="000117B0"/>
    <w:rsid w:val="0001226E"/>
    <w:rsid w:val="00012597"/>
    <w:rsid w:val="00012861"/>
    <w:rsid w:val="00013325"/>
    <w:rsid w:val="000141AE"/>
    <w:rsid w:val="0001469B"/>
    <w:rsid w:val="000148F6"/>
    <w:rsid w:val="00014957"/>
    <w:rsid w:val="00014DE2"/>
    <w:rsid w:val="00015992"/>
    <w:rsid w:val="00015BB6"/>
    <w:rsid w:val="00015F6E"/>
    <w:rsid w:val="00017F4B"/>
    <w:rsid w:val="000206B1"/>
    <w:rsid w:val="00020D70"/>
    <w:rsid w:val="00021EF5"/>
    <w:rsid w:val="00022687"/>
    <w:rsid w:val="0002287F"/>
    <w:rsid w:val="00022ED1"/>
    <w:rsid w:val="00022F8C"/>
    <w:rsid w:val="000232B3"/>
    <w:rsid w:val="000235E3"/>
    <w:rsid w:val="00024296"/>
    <w:rsid w:val="00024D6C"/>
    <w:rsid w:val="00025B8D"/>
    <w:rsid w:val="00026389"/>
    <w:rsid w:val="000263B2"/>
    <w:rsid w:val="0002697F"/>
    <w:rsid w:val="00027176"/>
    <w:rsid w:val="000271B1"/>
    <w:rsid w:val="00027E20"/>
    <w:rsid w:val="000303C2"/>
    <w:rsid w:val="00031AA1"/>
    <w:rsid w:val="00031C34"/>
    <w:rsid w:val="0003258C"/>
    <w:rsid w:val="0003289F"/>
    <w:rsid w:val="00033A63"/>
    <w:rsid w:val="00033D1D"/>
    <w:rsid w:val="0003401A"/>
    <w:rsid w:val="00034815"/>
    <w:rsid w:val="00034C19"/>
    <w:rsid w:val="000363AE"/>
    <w:rsid w:val="00037F1D"/>
    <w:rsid w:val="00037F88"/>
    <w:rsid w:val="00040036"/>
    <w:rsid w:val="00040786"/>
    <w:rsid w:val="00040EF3"/>
    <w:rsid w:val="0004116D"/>
    <w:rsid w:val="00041507"/>
    <w:rsid w:val="00041E3A"/>
    <w:rsid w:val="00041E7E"/>
    <w:rsid w:val="000423F2"/>
    <w:rsid w:val="000426DA"/>
    <w:rsid w:val="000428EB"/>
    <w:rsid w:val="00043752"/>
    <w:rsid w:val="00043BE2"/>
    <w:rsid w:val="00043C50"/>
    <w:rsid w:val="00043D22"/>
    <w:rsid w:val="00045256"/>
    <w:rsid w:val="000456F7"/>
    <w:rsid w:val="00045796"/>
    <w:rsid w:val="00045E27"/>
    <w:rsid w:val="00046739"/>
    <w:rsid w:val="00046A90"/>
    <w:rsid w:val="00046D87"/>
    <w:rsid w:val="00047151"/>
    <w:rsid w:val="00050163"/>
    <w:rsid w:val="00051DD4"/>
    <w:rsid w:val="000529FE"/>
    <w:rsid w:val="00052EFA"/>
    <w:rsid w:val="0005494F"/>
    <w:rsid w:val="00054F40"/>
    <w:rsid w:val="00054FBF"/>
    <w:rsid w:val="00055D3D"/>
    <w:rsid w:val="00055E1C"/>
    <w:rsid w:val="00055EC3"/>
    <w:rsid w:val="00056661"/>
    <w:rsid w:val="000571D2"/>
    <w:rsid w:val="000574FA"/>
    <w:rsid w:val="00057D34"/>
    <w:rsid w:val="00060E7B"/>
    <w:rsid w:val="000613B0"/>
    <w:rsid w:val="000615CA"/>
    <w:rsid w:val="00061A0B"/>
    <w:rsid w:val="00062118"/>
    <w:rsid w:val="000628BA"/>
    <w:rsid w:val="00064B1E"/>
    <w:rsid w:val="00064FDA"/>
    <w:rsid w:val="00065227"/>
    <w:rsid w:val="00065E10"/>
    <w:rsid w:val="00065E93"/>
    <w:rsid w:val="000662CE"/>
    <w:rsid w:val="00067206"/>
    <w:rsid w:val="00070346"/>
    <w:rsid w:val="00070E83"/>
    <w:rsid w:val="00071561"/>
    <w:rsid w:val="0007185A"/>
    <w:rsid w:val="00071A87"/>
    <w:rsid w:val="00071B16"/>
    <w:rsid w:val="00072E6E"/>
    <w:rsid w:val="000731BD"/>
    <w:rsid w:val="00073514"/>
    <w:rsid w:val="0007415C"/>
    <w:rsid w:val="000743EF"/>
    <w:rsid w:val="00074AC2"/>
    <w:rsid w:val="0007544E"/>
    <w:rsid w:val="00075AA6"/>
    <w:rsid w:val="000768A6"/>
    <w:rsid w:val="00077409"/>
    <w:rsid w:val="000776AD"/>
    <w:rsid w:val="000777A2"/>
    <w:rsid w:val="000800C3"/>
    <w:rsid w:val="000808AB"/>
    <w:rsid w:val="0008152B"/>
    <w:rsid w:val="00081A35"/>
    <w:rsid w:val="0008297F"/>
    <w:rsid w:val="00083027"/>
    <w:rsid w:val="00083A57"/>
    <w:rsid w:val="00084460"/>
    <w:rsid w:val="0008531B"/>
    <w:rsid w:val="000854E7"/>
    <w:rsid w:val="00086415"/>
    <w:rsid w:val="00086BF8"/>
    <w:rsid w:val="00086DB0"/>
    <w:rsid w:val="000879AC"/>
    <w:rsid w:val="00087DD9"/>
    <w:rsid w:val="00087EDB"/>
    <w:rsid w:val="00090E0D"/>
    <w:rsid w:val="000914D4"/>
    <w:rsid w:val="000918AD"/>
    <w:rsid w:val="00091E99"/>
    <w:rsid w:val="00092D75"/>
    <w:rsid w:val="00092E7A"/>
    <w:rsid w:val="00093CC4"/>
    <w:rsid w:val="000956AC"/>
    <w:rsid w:val="0009596F"/>
    <w:rsid w:val="00095FAB"/>
    <w:rsid w:val="000966E0"/>
    <w:rsid w:val="00096758"/>
    <w:rsid w:val="0009749B"/>
    <w:rsid w:val="00097C54"/>
    <w:rsid w:val="000A01D4"/>
    <w:rsid w:val="000A06B4"/>
    <w:rsid w:val="000A0E63"/>
    <w:rsid w:val="000A122C"/>
    <w:rsid w:val="000A1440"/>
    <w:rsid w:val="000A1A86"/>
    <w:rsid w:val="000A28D5"/>
    <w:rsid w:val="000A2D10"/>
    <w:rsid w:val="000A3428"/>
    <w:rsid w:val="000A3676"/>
    <w:rsid w:val="000A3844"/>
    <w:rsid w:val="000A3B24"/>
    <w:rsid w:val="000A4BAF"/>
    <w:rsid w:val="000A5631"/>
    <w:rsid w:val="000A5CA8"/>
    <w:rsid w:val="000A5F7C"/>
    <w:rsid w:val="000A736B"/>
    <w:rsid w:val="000A7F07"/>
    <w:rsid w:val="000B0D64"/>
    <w:rsid w:val="000B0D83"/>
    <w:rsid w:val="000B196B"/>
    <w:rsid w:val="000B2172"/>
    <w:rsid w:val="000B22C4"/>
    <w:rsid w:val="000B258D"/>
    <w:rsid w:val="000B28FE"/>
    <w:rsid w:val="000B3033"/>
    <w:rsid w:val="000B3B94"/>
    <w:rsid w:val="000B478C"/>
    <w:rsid w:val="000B4D2D"/>
    <w:rsid w:val="000B4F54"/>
    <w:rsid w:val="000B5005"/>
    <w:rsid w:val="000B54F8"/>
    <w:rsid w:val="000B62EA"/>
    <w:rsid w:val="000B6513"/>
    <w:rsid w:val="000B6C3F"/>
    <w:rsid w:val="000B7095"/>
    <w:rsid w:val="000B73D6"/>
    <w:rsid w:val="000B73FE"/>
    <w:rsid w:val="000C00F0"/>
    <w:rsid w:val="000C01AA"/>
    <w:rsid w:val="000C02F9"/>
    <w:rsid w:val="000C1BCF"/>
    <w:rsid w:val="000C279C"/>
    <w:rsid w:val="000C2908"/>
    <w:rsid w:val="000C336F"/>
    <w:rsid w:val="000C3FAA"/>
    <w:rsid w:val="000C4E51"/>
    <w:rsid w:val="000C5018"/>
    <w:rsid w:val="000C566C"/>
    <w:rsid w:val="000C5A80"/>
    <w:rsid w:val="000C5AD8"/>
    <w:rsid w:val="000C6073"/>
    <w:rsid w:val="000C67FA"/>
    <w:rsid w:val="000C6D28"/>
    <w:rsid w:val="000C70E2"/>
    <w:rsid w:val="000D0F2E"/>
    <w:rsid w:val="000D10E4"/>
    <w:rsid w:val="000D15AA"/>
    <w:rsid w:val="000D161B"/>
    <w:rsid w:val="000D16F6"/>
    <w:rsid w:val="000D1756"/>
    <w:rsid w:val="000D1768"/>
    <w:rsid w:val="000D1DE0"/>
    <w:rsid w:val="000D1F11"/>
    <w:rsid w:val="000D30B9"/>
    <w:rsid w:val="000D347C"/>
    <w:rsid w:val="000D4F5F"/>
    <w:rsid w:val="000D54D3"/>
    <w:rsid w:val="000D5681"/>
    <w:rsid w:val="000D5726"/>
    <w:rsid w:val="000D6504"/>
    <w:rsid w:val="000D665E"/>
    <w:rsid w:val="000D6F22"/>
    <w:rsid w:val="000E0F64"/>
    <w:rsid w:val="000E19A3"/>
    <w:rsid w:val="000E1E18"/>
    <w:rsid w:val="000E2BEC"/>
    <w:rsid w:val="000E2E6E"/>
    <w:rsid w:val="000E2F9B"/>
    <w:rsid w:val="000E3AB1"/>
    <w:rsid w:val="000E3D50"/>
    <w:rsid w:val="000E3F6E"/>
    <w:rsid w:val="000E5205"/>
    <w:rsid w:val="000E5987"/>
    <w:rsid w:val="000E5CCD"/>
    <w:rsid w:val="000E6A51"/>
    <w:rsid w:val="000E7175"/>
    <w:rsid w:val="000F0B88"/>
    <w:rsid w:val="000F1189"/>
    <w:rsid w:val="000F1960"/>
    <w:rsid w:val="000F1F52"/>
    <w:rsid w:val="000F3100"/>
    <w:rsid w:val="000F3B92"/>
    <w:rsid w:val="000F3DB9"/>
    <w:rsid w:val="000F42FF"/>
    <w:rsid w:val="000F4668"/>
    <w:rsid w:val="000F4ABF"/>
    <w:rsid w:val="000F5768"/>
    <w:rsid w:val="000F59E9"/>
    <w:rsid w:val="000F6768"/>
    <w:rsid w:val="000F6DA8"/>
    <w:rsid w:val="000F7697"/>
    <w:rsid w:val="001000D8"/>
    <w:rsid w:val="00100237"/>
    <w:rsid w:val="00100A5E"/>
    <w:rsid w:val="0010158B"/>
    <w:rsid w:val="00101846"/>
    <w:rsid w:val="001026FA"/>
    <w:rsid w:val="00103C03"/>
    <w:rsid w:val="00104327"/>
    <w:rsid w:val="00104765"/>
    <w:rsid w:val="00105161"/>
    <w:rsid w:val="00105476"/>
    <w:rsid w:val="00105C86"/>
    <w:rsid w:val="00106459"/>
    <w:rsid w:val="00106EED"/>
    <w:rsid w:val="00107BE6"/>
    <w:rsid w:val="00107CB9"/>
    <w:rsid w:val="001102B6"/>
    <w:rsid w:val="0011032D"/>
    <w:rsid w:val="00110C5C"/>
    <w:rsid w:val="00111222"/>
    <w:rsid w:val="001129CB"/>
    <w:rsid w:val="00112B1A"/>
    <w:rsid w:val="00112B5B"/>
    <w:rsid w:val="00112BE7"/>
    <w:rsid w:val="00113685"/>
    <w:rsid w:val="00113C20"/>
    <w:rsid w:val="001141CD"/>
    <w:rsid w:val="00114601"/>
    <w:rsid w:val="00115D92"/>
    <w:rsid w:val="00116313"/>
    <w:rsid w:val="00116ADE"/>
    <w:rsid w:val="00116E80"/>
    <w:rsid w:val="001173DC"/>
    <w:rsid w:val="001204E4"/>
    <w:rsid w:val="00120715"/>
    <w:rsid w:val="00120CC0"/>
    <w:rsid w:val="00120E23"/>
    <w:rsid w:val="0012100E"/>
    <w:rsid w:val="00121B4E"/>
    <w:rsid w:val="00121C8B"/>
    <w:rsid w:val="00121C96"/>
    <w:rsid w:val="00123741"/>
    <w:rsid w:val="0012398C"/>
    <w:rsid w:val="0012474C"/>
    <w:rsid w:val="00124B53"/>
    <w:rsid w:val="00124CC7"/>
    <w:rsid w:val="00125655"/>
    <w:rsid w:val="001257F7"/>
    <w:rsid w:val="00126219"/>
    <w:rsid w:val="00127BDE"/>
    <w:rsid w:val="0013149B"/>
    <w:rsid w:val="00134174"/>
    <w:rsid w:val="00134750"/>
    <w:rsid w:val="00134A7B"/>
    <w:rsid w:val="00135AF6"/>
    <w:rsid w:val="00135B19"/>
    <w:rsid w:val="00136B35"/>
    <w:rsid w:val="00136C46"/>
    <w:rsid w:val="00137652"/>
    <w:rsid w:val="00137747"/>
    <w:rsid w:val="001378E3"/>
    <w:rsid w:val="00137E73"/>
    <w:rsid w:val="00137E7F"/>
    <w:rsid w:val="00140271"/>
    <w:rsid w:val="001403B7"/>
    <w:rsid w:val="00140C05"/>
    <w:rsid w:val="00140F85"/>
    <w:rsid w:val="00141324"/>
    <w:rsid w:val="00141730"/>
    <w:rsid w:val="001420EA"/>
    <w:rsid w:val="001434F9"/>
    <w:rsid w:val="00144AED"/>
    <w:rsid w:val="00144FE0"/>
    <w:rsid w:val="00145328"/>
    <w:rsid w:val="00145E96"/>
    <w:rsid w:val="00147A37"/>
    <w:rsid w:val="00150A03"/>
    <w:rsid w:val="00150B89"/>
    <w:rsid w:val="00152588"/>
    <w:rsid w:val="00154457"/>
    <w:rsid w:val="001550E9"/>
    <w:rsid w:val="0015522F"/>
    <w:rsid w:val="00155243"/>
    <w:rsid w:val="00155247"/>
    <w:rsid w:val="00155F21"/>
    <w:rsid w:val="00155F55"/>
    <w:rsid w:val="00156D00"/>
    <w:rsid w:val="001570CD"/>
    <w:rsid w:val="00157EE0"/>
    <w:rsid w:val="0016056A"/>
    <w:rsid w:val="00160C44"/>
    <w:rsid w:val="00161AF4"/>
    <w:rsid w:val="001627ED"/>
    <w:rsid w:val="00163465"/>
    <w:rsid w:val="001645A1"/>
    <w:rsid w:val="00164837"/>
    <w:rsid w:val="0016490D"/>
    <w:rsid w:val="00164D2F"/>
    <w:rsid w:val="00165047"/>
    <w:rsid w:val="0016517D"/>
    <w:rsid w:val="001651FF"/>
    <w:rsid w:val="00165758"/>
    <w:rsid w:val="001657B4"/>
    <w:rsid w:val="00166B29"/>
    <w:rsid w:val="00166F77"/>
    <w:rsid w:val="00167991"/>
    <w:rsid w:val="00167F9E"/>
    <w:rsid w:val="001706BF"/>
    <w:rsid w:val="00170B80"/>
    <w:rsid w:val="00172990"/>
    <w:rsid w:val="00172F09"/>
    <w:rsid w:val="00172F5F"/>
    <w:rsid w:val="001733C9"/>
    <w:rsid w:val="00174382"/>
    <w:rsid w:val="00174436"/>
    <w:rsid w:val="00174714"/>
    <w:rsid w:val="00175633"/>
    <w:rsid w:val="001757B1"/>
    <w:rsid w:val="001764E3"/>
    <w:rsid w:val="00176892"/>
    <w:rsid w:val="00176E3C"/>
    <w:rsid w:val="00177AF9"/>
    <w:rsid w:val="00177AFC"/>
    <w:rsid w:val="00177C0F"/>
    <w:rsid w:val="001808C4"/>
    <w:rsid w:val="00180FEA"/>
    <w:rsid w:val="00181681"/>
    <w:rsid w:val="00181F52"/>
    <w:rsid w:val="001825D4"/>
    <w:rsid w:val="00182AE3"/>
    <w:rsid w:val="0018368E"/>
    <w:rsid w:val="00184DC2"/>
    <w:rsid w:val="0018760B"/>
    <w:rsid w:val="00187A34"/>
    <w:rsid w:val="00187C80"/>
    <w:rsid w:val="001901A5"/>
    <w:rsid w:val="00190A6D"/>
    <w:rsid w:val="00191351"/>
    <w:rsid w:val="00191D5F"/>
    <w:rsid w:val="001920AE"/>
    <w:rsid w:val="0019213E"/>
    <w:rsid w:val="00192170"/>
    <w:rsid w:val="0019233D"/>
    <w:rsid w:val="001929B7"/>
    <w:rsid w:val="0019314B"/>
    <w:rsid w:val="00193327"/>
    <w:rsid w:val="001938BF"/>
    <w:rsid w:val="00193F4F"/>
    <w:rsid w:val="00193FF9"/>
    <w:rsid w:val="00194AB3"/>
    <w:rsid w:val="00194F03"/>
    <w:rsid w:val="00194F5D"/>
    <w:rsid w:val="001950E7"/>
    <w:rsid w:val="0019588D"/>
    <w:rsid w:val="00195CC7"/>
    <w:rsid w:val="00195EDB"/>
    <w:rsid w:val="001960C4"/>
    <w:rsid w:val="00197876"/>
    <w:rsid w:val="00197EC7"/>
    <w:rsid w:val="001A0660"/>
    <w:rsid w:val="001A0BF9"/>
    <w:rsid w:val="001A0C56"/>
    <w:rsid w:val="001A0E65"/>
    <w:rsid w:val="001A0F2B"/>
    <w:rsid w:val="001A127B"/>
    <w:rsid w:val="001A1D82"/>
    <w:rsid w:val="001A3637"/>
    <w:rsid w:val="001A36ED"/>
    <w:rsid w:val="001A3BD2"/>
    <w:rsid w:val="001A3BD9"/>
    <w:rsid w:val="001A3C34"/>
    <w:rsid w:val="001A3C92"/>
    <w:rsid w:val="001A5576"/>
    <w:rsid w:val="001A57F5"/>
    <w:rsid w:val="001A759E"/>
    <w:rsid w:val="001A7733"/>
    <w:rsid w:val="001A7B79"/>
    <w:rsid w:val="001B07B3"/>
    <w:rsid w:val="001B0830"/>
    <w:rsid w:val="001B102C"/>
    <w:rsid w:val="001B1D16"/>
    <w:rsid w:val="001B1D5C"/>
    <w:rsid w:val="001B25F7"/>
    <w:rsid w:val="001B26E0"/>
    <w:rsid w:val="001B28F0"/>
    <w:rsid w:val="001B2EF6"/>
    <w:rsid w:val="001B341E"/>
    <w:rsid w:val="001B34C3"/>
    <w:rsid w:val="001B37C0"/>
    <w:rsid w:val="001B3B68"/>
    <w:rsid w:val="001B3D93"/>
    <w:rsid w:val="001B42A3"/>
    <w:rsid w:val="001B4C52"/>
    <w:rsid w:val="001B5271"/>
    <w:rsid w:val="001B52D2"/>
    <w:rsid w:val="001B53A4"/>
    <w:rsid w:val="001B56CF"/>
    <w:rsid w:val="001B6A8B"/>
    <w:rsid w:val="001B6F25"/>
    <w:rsid w:val="001B7A3B"/>
    <w:rsid w:val="001B7B38"/>
    <w:rsid w:val="001B7D1F"/>
    <w:rsid w:val="001C0D8E"/>
    <w:rsid w:val="001C1046"/>
    <w:rsid w:val="001C11C9"/>
    <w:rsid w:val="001C1858"/>
    <w:rsid w:val="001C34DD"/>
    <w:rsid w:val="001C34E9"/>
    <w:rsid w:val="001C3C4F"/>
    <w:rsid w:val="001C49CE"/>
    <w:rsid w:val="001C5276"/>
    <w:rsid w:val="001C5CF8"/>
    <w:rsid w:val="001C5E8B"/>
    <w:rsid w:val="001C7219"/>
    <w:rsid w:val="001C7823"/>
    <w:rsid w:val="001D059D"/>
    <w:rsid w:val="001D0645"/>
    <w:rsid w:val="001D099E"/>
    <w:rsid w:val="001D0A02"/>
    <w:rsid w:val="001D0D68"/>
    <w:rsid w:val="001D1B8B"/>
    <w:rsid w:val="001D1CFE"/>
    <w:rsid w:val="001D201A"/>
    <w:rsid w:val="001D28FA"/>
    <w:rsid w:val="001D348C"/>
    <w:rsid w:val="001D38BD"/>
    <w:rsid w:val="001D3A77"/>
    <w:rsid w:val="001D4B57"/>
    <w:rsid w:val="001D53D4"/>
    <w:rsid w:val="001D55F5"/>
    <w:rsid w:val="001D55F7"/>
    <w:rsid w:val="001D5AB0"/>
    <w:rsid w:val="001D5C18"/>
    <w:rsid w:val="001D5DD6"/>
    <w:rsid w:val="001D60A6"/>
    <w:rsid w:val="001D697C"/>
    <w:rsid w:val="001D716B"/>
    <w:rsid w:val="001D7DD7"/>
    <w:rsid w:val="001E0B03"/>
    <w:rsid w:val="001E1B13"/>
    <w:rsid w:val="001E1C5F"/>
    <w:rsid w:val="001E1D61"/>
    <w:rsid w:val="001E2C96"/>
    <w:rsid w:val="001E34DD"/>
    <w:rsid w:val="001E3E16"/>
    <w:rsid w:val="001E413B"/>
    <w:rsid w:val="001E4859"/>
    <w:rsid w:val="001E51A7"/>
    <w:rsid w:val="001E51B3"/>
    <w:rsid w:val="001E57A4"/>
    <w:rsid w:val="001E5DD5"/>
    <w:rsid w:val="001E6162"/>
    <w:rsid w:val="001E6E40"/>
    <w:rsid w:val="001E7543"/>
    <w:rsid w:val="001E7D44"/>
    <w:rsid w:val="001F012A"/>
    <w:rsid w:val="001F0206"/>
    <w:rsid w:val="001F11D4"/>
    <w:rsid w:val="001F2036"/>
    <w:rsid w:val="001F21C8"/>
    <w:rsid w:val="001F2309"/>
    <w:rsid w:val="001F2DB3"/>
    <w:rsid w:val="001F3BAB"/>
    <w:rsid w:val="001F4BAF"/>
    <w:rsid w:val="001F5D02"/>
    <w:rsid w:val="001F6641"/>
    <w:rsid w:val="001F6903"/>
    <w:rsid w:val="001F7C95"/>
    <w:rsid w:val="001F7F68"/>
    <w:rsid w:val="00200E80"/>
    <w:rsid w:val="00201165"/>
    <w:rsid w:val="002011B9"/>
    <w:rsid w:val="002020DB"/>
    <w:rsid w:val="0020243B"/>
    <w:rsid w:val="0020289D"/>
    <w:rsid w:val="0020298E"/>
    <w:rsid w:val="00203406"/>
    <w:rsid w:val="00203636"/>
    <w:rsid w:val="00203BCC"/>
    <w:rsid w:val="00203D41"/>
    <w:rsid w:val="00203DD4"/>
    <w:rsid w:val="00203F26"/>
    <w:rsid w:val="00203F35"/>
    <w:rsid w:val="00204861"/>
    <w:rsid w:val="002048EC"/>
    <w:rsid w:val="0020566B"/>
    <w:rsid w:val="002066C8"/>
    <w:rsid w:val="00207406"/>
    <w:rsid w:val="0020783E"/>
    <w:rsid w:val="00207A78"/>
    <w:rsid w:val="0021042B"/>
    <w:rsid w:val="00210502"/>
    <w:rsid w:val="002125FD"/>
    <w:rsid w:val="00212990"/>
    <w:rsid w:val="00213045"/>
    <w:rsid w:val="00213344"/>
    <w:rsid w:val="00213796"/>
    <w:rsid w:val="00213E2C"/>
    <w:rsid w:val="00214311"/>
    <w:rsid w:val="0021468B"/>
    <w:rsid w:val="00214C5D"/>
    <w:rsid w:val="00215B3E"/>
    <w:rsid w:val="00215E22"/>
    <w:rsid w:val="00216222"/>
    <w:rsid w:val="002168AF"/>
    <w:rsid w:val="0021693E"/>
    <w:rsid w:val="00216D27"/>
    <w:rsid w:val="00216E54"/>
    <w:rsid w:val="0021731B"/>
    <w:rsid w:val="00220305"/>
    <w:rsid w:val="0022035E"/>
    <w:rsid w:val="00221329"/>
    <w:rsid w:val="0022169B"/>
    <w:rsid w:val="00221A8C"/>
    <w:rsid w:val="0022253F"/>
    <w:rsid w:val="00222A66"/>
    <w:rsid w:val="00222DF7"/>
    <w:rsid w:val="00223084"/>
    <w:rsid w:val="002235EF"/>
    <w:rsid w:val="002237EB"/>
    <w:rsid w:val="00223858"/>
    <w:rsid w:val="00224E13"/>
    <w:rsid w:val="0022533E"/>
    <w:rsid w:val="00225895"/>
    <w:rsid w:val="00225BD7"/>
    <w:rsid w:val="002260BB"/>
    <w:rsid w:val="00226757"/>
    <w:rsid w:val="002279EC"/>
    <w:rsid w:val="00227A35"/>
    <w:rsid w:val="00227D77"/>
    <w:rsid w:val="00227DA6"/>
    <w:rsid w:val="00230AC5"/>
    <w:rsid w:val="00230F4E"/>
    <w:rsid w:val="00231710"/>
    <w:rsid w:val="002320F0"/>
    <w:rsid w:val="00232413"/>
    <w:rsid w:val="00232ABF"/>
    <w:rsid w:val="00233137"/>
    <w:rsid w:val="00233373"/>
    <w:rsid w:val="00234420"/>
    <w:rsid w:val="00234A6A"/>
    <w:rsid w:val="00234D66"/>
    <w:rsid w:val="00234DC2"/>
    <w:rsid w:val="002363CD"/>
    <w:rsid w:val="00237073"/>
    <w:rsid w:val="002374A9"/>
    <w:rsid w:val="00240294"/>
    <w:rsid w:val="002405A0"/>
    <w:rsid w:val="00240DBF"/>
    <w:rsid w:val="00241D38"/>
    <w:rsid w:val="00242BFA"/>
    <w:rsid w:val="00243948"/>
    <w:rsid w:val="00243E54"/>
    <w:rsid w:val="00244340"/>
    <w:rsid w:val="00244ED7"/>
    <w:rsid w:val="00245331"/>
    <w:rsid w:val="00245381"/>
    <w:rsid w:val="002455AB"/>
    <w:rsid w:val="002457EF"/>
    <w:rsid w:val="00245C85"/>
    <w:rsid w:val="00247166"/>
    <w:rsid w:val="002479A8"/>
    <w:rsid w:val="00247E38"/>
    <w:rsid w:val="00250148"/>
    <w:rsid w:val="00251229"/>
    <w:rsid w:val="00251599"/>
    <w:rsid w:val="00251A53"/>
    <w:rsid w:val="00252378"/>
    <w:rsid w:val="00253286"/>
    <w:rsid w:val="00253906"/>
    <w:rsid w:val="00255328"/>
    <w:rsid w:val="002556F0"/>
    <w:rsid w:val="0025639F"/>
    <w:rsid w:val="0025650F"/>
    <w:rsid w:val="00256871"/>
    <w:rsid w:val="00256ACA"/>
    <w:rsid w:val="0025773B"/>
    <w:rsid w:val="0025795F"/>
    <w:rsid w:val="00257BA2"/>
    <w:rsid w:val="00257F95"/>
    <w:rsid w:val="0026028B"/>
    <w:rsid w:val="002608B3"/>
    <w:rsid w:val="002609C2"/>
    <w:rsid w:val="00261BBE"/>
    <w:rsid w:val="00261F19"/>
    <w:rsid w:val="002622BB"/>
    <w:rsid w:val="00262DF8"/>
    <w:rsid w:val="002630EF"/>
    <w:rsid w:val="002637BC"/>
    <w:rsid w:val="002637CB"/>
    <w:rsid w:val="00263E14"/>
    <w:rsid w:val="00264031"/>
    <w:rsid w:val="00265095"/>
    <w:rsid w:val="0026536E"/>
    <w:rsid w:val="00265CFA"/>
    <w:rsid w:val="002668D3"/>
    <w:rsid w:val="00266A07"/>
    <w:rsid w:val="0026787A"/>
    <w:rsid w:val="00267900"/>
    <w:rsid w:val="00267B83"/>
    <w:rsid w:val="00270116"/>
    <w:rsid w:val="002701C5"/>
    <w:rsid w:val="002701EC"/>
    <w:rsid w:val="00270250"/>
    <w:rsid w:val="00270FB7"/>
    <w:rsid w:val="002727EC"/>
    <w:rsid w:val="00272D2B"/>
    <w:rsid w:val="00273588"/>
    <w:rsid w:val="00274043"/>
    <w:rsid w:val="00274778"/>
    <w:rsid w:val="00275E9D"/>
    <w:rsid w:val="00275F18"/>
    <w:rsid w:val="00276AAB"/>
    <w:rsid w:val="002770F4"/>
    <w:rsid w:val="00277298"/>
    <w:rsid w:val="002775BC"/>
    <w:rsid w:val="002779DB"/>
    <w:rsid w:val="0028026A"/>
    <w:rsid w:val="0028056B"/>
    <w:rsid w:val="00280CC5"/>
    <w:rsid w:val="00281253"/>
    <w:rsid w:val="00281604"/>
    <w:rsid w:val="00282568"/>
    <w:rsid w:val="0028283C"/>
    <w:rsid w:val="00282BD3"/>
    <w:rsid w:val="00282C49"/>
    <w:rsid w:val="00282D41"/>
    <w:rsid w:val="00282E50"/>
    <w:rsid w:val="002832D1"/>
    <w:rsid w:val="00283D21"/>
    <w:rsid w:val="002849B9"/>
    <w:rsid w:val="00286A14"/>
    <w:rsid w:val="00287AA8"/>
    <w:rsid w:val="002900C7"/>
    <w:rsid w:val="002904BF"/>
    <w:rsid w:val="00290686"/>
    <w:rsid w:val="00290C1A"/>
    <w:rsid w:val="00290C33"/>
    <w:rsid w:val="0029103B"/>
    <w:rsid w:val="0029155D"/>
    <w:rsid w:val="00292947"/>
    <w:rsid w:val="00292C0D"/>
    <w:rsid w:val="0029501A"/>
    <w:rsid w:val="00295608"/>
    <w:rsid w:val="00295BB6"/>
    <w:rsid w:val="00295FA6"/>
    <w:rsid w:val="002964E8"/>
    <w:rsid w:val="00296E31"/>
    <w:rsid w:val="00297968"/>
    <w:rsid w:val="002979F2"/>
    <w:rsid w:val="002A02BE"/>
    <w:rsid w:val="002A0CBB"/>
    <w:rsid w:val="002A13EF"/>
    <w:rsid w:val="002A1EAF"/>
    <w:rsid w:val="002A1ED0"/>
    <w:rsid w:val="002A2C86"/>
    <w:rsid w:val="002A388D"/>
    <w:rsid w:val="002A48AF"/>
    <w:rsid w:val="002A53A6"/>
    <w:rsid w:val="002A5D98"/>
    <w:rsid w:val="002A5E4F"/>
    <w:rsid w:val="002A5ED7"/>
    <w:rsid w:val="002A6BB6"/>
    <w:rsid w:val="002A6F32"/>
    <w:rsid w:val="002A73EA"/>
    <w:rsid w:val="002A74EB"/>
    <w:rsid w:val="002B0A63"/>
    <w:rsid w:val="002B0A95"/>
    <w:rsid w:val="002B185C"/>
    <w:rsid w:val="002B1BA1"/>
    <w:rsid w:val="002B2232"/>
    <w:rsid w:val="002B2647"/>
    <w:rsid w:val="002B27A4"/>
    <w:rsid w:val="002B2D56"/>
    <w:rsid w:val="002B2F65"/>
    <w:rsid w:val="002B2FFA"/>
    <w:rsid w:val="002B3BBA"/>
    <w:rsid w:val="002B3DFB"/>
    <w:rsid w:val="002B43AA"/>
    <w:rsid w:val="002B48B2"/>
    <w:rsid w:val="002B559E"/>
    <w:rsid w:val="002B6218"/>
    <w:rsid w:val="002B6C14"/>
    <w:rsid w:val="002B6D4C"/>
    <w:rsid w:val="002B7128"/>
    <w:rsid w:val="002B7270"/>
    <w:rsid w:val="002B7CC8"/>
    <w:rsid w:val="002C04C6"/>
    <w:rsid w:val="002C0E7D"/>
    <w:rsid w:val="002C1288"/>
    <w:rsid w:val="002C20AA"/>
    <w:rsid w:val="002C417C"/>
    <w:rsid w:val="002C52C8"/>
    <w:rsid w:val="002C5833"/>
    <w:rsid w:val="002C6FA9"/>
    <w:rsid w:val="002C75C4"/>
    <w:rsid w:val="002C7C3C"/>
    <w:rsid w:val="002D03FF"/>
    <w:rsid w:val="002D07A9"/>
    <w:rsid w:val="002D0D51"/>
    <w:rsid w:val="002D0E2F"/>
    <w:rsid w:val="002D1141"/>
    <w:rsid w:val="002D1690"/>
    <w:rsid w:val="002D2207"/>
    <w:rsid w:val="002D24EA"/>
    <w:rsid w:val="002D2C77"/>
    <w:rsid w:val="002D3B2C"/>
    <w:rsid w:val="002D3C2C"/>
    <w:rsid w:val="002D45F2"/>
    <w:rsid w:val="002D4756"/>
    <w:rsid w:val="002D5603"/>
    <w:rsid w:val="002E06FB"/>
    <w:rsid w:val="002E0C70"/>
    <w:rsid w:val="002E12F5"/>
    <w:rsid w:val="002E18C6"/>
    <w:rsid w:val="002E2A8E"/>
    <w:rsid w:val="002E2B21"/>
    <w:rsid w:val="002E2DB4"/>
    <w:rsid w:val="002E3300"/>
    <w:rsid w:val="002E39D2"/>
    <w:rsid w:val="002E39E0"/>
    <w:rsid w:val="002E3C30"/>
    <w:rsid w:val="002E487E"/>
    <w:rsid w:val="002E4A23"/>
    <w:rsid w:val="002E5051"/>
    <w:rsid w:val="002E5356"/>
    <w:rsid w:val="002E5801"/>
    <w:rsid w:val="002E6333"/>
    <w:rsid w:val="002E6992"/>
    <w:rsid w:val="002E7F63"/>
    <w:rsid w:val="002F0476"/>
    <w:rsid w:val="002F0D82"/>
    <w:rsid w:val="002F0F56"/>
    <w:rsid w:val="002F10D8"/>
    <w:rsid w:val="002F14FA"/>
    <w:rsid w:val="002F1689"/>
    <w:rsid w:val="002F37F4"/>
    <w:rsid w:val="002F47AF"/>
    <w:rsid w:val="002F47D2"/>
    <w:rsid w:val="002F4991"/>
    <w:rsid w:val="002F4AFE"/>
    <w:rsid w:val="002F5038"/>
    <w:rsid w:val="002F52D8"/>
    <w:rsid w:val="002F547A"/>
    <w:rsid w:val="002F58C0"/>
    <w:rsid w:val="002F795A"/>
    <w:rsid w:val="002F7B36"/>
    <w:rsid w:val="002F7E25"/>
    <w:rsid w:val="002F7EFB"/>
    <w:rsid w:val="00300270"/>
    <w:rsid w:val="003027AC"/>
    <w:rsid w:val="0030433C"/>
    <w:rsid w:val="00304A0D"/>
    <w:rsid w:val="00304D6D"/>
    <w:rsid w:val="00305823"/>
    <w:rsid w:val="003065E7"/>
    <w:rsid w:val="0030669F"/>
    <w:rsid w:val="00306B82"/>
    <w:rsid w:val="00306EC8"/>
    <w:rsid w:val="00310E0C"/>
    <w:rsid w:val="0031194B"/>
    <w:rsid w:val="00311EB5"/>
    <w:rsid w:val="00312079"/>
    <w:rsid w:val="003120E9"/>
    <w:rsid w:val="00312470"/>
    <w:rsid w:val="003126DE"/>
    <w:rsid w:val="00312D32"/>
    <w:rsid w:val="00312D94"/>
    <w:rsid w:val="0031310E"/>
    <w:rsid w:val="0031451C"/>
    <w:rsid w:val="0031583D"/>
    <w:rsid w:val="00315A3E"/>
    <w:rsid w:val="00315B57"/>
    <w:rsid w:val="00315CC6"/>
    <w:rsid w:val="003160A4"/>
    <w:rsid w:val="00317152"/>
    <w:rsid w:val="00320757"/>
    <w:rsid w:val="00320DA1"/>
    <w:rsid w:val="00321A23"/>
    <w:rsid w:val="0032245A"/>
    <w:rsid w:val="0032249D"/>
    <w:rsid w:val="003224A0"/>
    <w:rsid w:val="003227EC"/>
    <w:rsid w:val="00323456"/>
    <w:rsid w:val="00323B6C"/>
    <w:rsid w:val="003247C9"/>
    <w:rsid w:val="0032504F"/>
    <w:rsid w:val="00325F77"/>
    <w:rsid w:val="00326001"/>
    <w:rsid w:val="003261D2"/>
    <w:rsid w:val="003263E6"/>
    <w:rsid w:val="00326AA5"/>
    <w:rsid w:val="00326B9B"/>
    <w:rsid w:val="0033034A"/>
    <w:rsid w:val="00330CD3"/>
    <w:rsid w:val="00330EAB"/>
    <w:rsid w:val="00330ECF"/>
    <w:rsid w:val="0033112A"/>
    <w:rsid w:val="00331EC3"/>
    <w:rsid w:val="00334423"/>
    <w:rsid w:val="00335023"/>
    <w:rsid w:val="00335146"/>
    <w:rsid w:val="003360D4"/>
    <w:rsid w:val="003364E3"/>
    <w:rsid w:val="00336A9A"/>
    <w:rsid w:val="00336D31"/>
    <w:rsid w:val="0033783A"/>
    <w:rsid w:val="00337851"/>
    <w:rsid w:val="0034086A"/>
    <w:rsid w:val="00340F08"/>
    <w:rsid w:val="00342209"/>
    <w:rsid w:val="003427DD"/>
    <w:rsid w:val="00343E51"/>
    <w:rsid w:val="003440AC"/>
    <w:rsid w:val="003455D2"/>
    <w:rsid w:val="00345D0D"/>
    <w:rsid w:val="003467BF"/>
    <w:rsid w:val="00346818"/>
    <w:rsid w:val="0034796B"/>
    <w:rsid w:val="00347E9A"/>
    <w:rsid w:val="003502EA"/>
    <w:rsid w:val="00350985"/>
    <w:rsid w:val="00350C8A"/>
    <w:rsid w:val="00351359"/>
    <w:rsid w:val="00351474"/>
    <w:rsid w:val="00351B2F"/>
    <w:rsid w:val="00351CE9"/>
    <w:rsid w:val="00352559"/>
    <w:rsid w:val="00353433"/>
    <w:rsid w:val="00354EB6"/>
    <w:rsid w:val="003554B9"/>
    <w:rsid w:val="00355E1F"/>
    <w:rsid w:val="00356E24"/>
    <w:rsid w:val="003577A5"/>
    <w:rsid w:val="00360200"/>
    <w:rsid w:val="00360314"/>
    <w:rsid w:val="003605FF"/>
    <w:rsid w:val="00360E13"/>
    <w:rsid w:val="003616BB"/>
    <w:rsid w:val="00361775"/>
    <w:rsid w:val="00361946"/>
    <w:rsid w:val="00363037"/>
    <w:rsid w:val="00363421"/>
    <w:rsid w:val="00363AF6"/>
    <w:rsid w:val="00364094"/>
    <w:rsid w:val="003641D1"/>
    <w:rsid w:val="003643C5"/>
    <w:rsid w:val="00364753"/>
    <w:rsid w:val="00364A57"/>
    <w:rsid w:val="00364E21"/>
    <w:rsid w:val="00365322"/>
    <w:rsid w:val="0036561C"/>
    <w:rsid w:val="00365854"/>
    <w:rsid w:val="00365924"/>
    <w:rsid w:val="00365BCF"/>
    <w:rsid w:val="0036610D"/>
    <w:rsid w:val="00366233"/>
    <w:rsid w:val="003665BC"/>
    <w:rsid w:val="00367579"/>
    <w:rsid w:val="00367D5E"/>
    <w:rsid w:val="00370002"/>
    <w:rsid w:val="00371879"/>
    <w:rsid w:val="003718F9"/>
    <w:rsid w:val="003728A2"/>
    <w:rsid w:val="00373339"/>
    <w:rsid w:val="0037405F"/>
    <w:rsid w:val="0037409C"/>
    <w:rsid w:val="00374310"/>
    <w:rsid w:val="00374432"/>
    <w:rsid w:val="0037492C"/>
    <w:rsid w:val="00375AAC"/>
    <w:rsid w:val="003765E7"/>
    <w:rsid w:val="00377C1B"/>
    <w:rsid w:val="00377E7A"/>
    <w:rsid w:val="00380849"/>
    <w:rsid w:val="00380FCD"/>
    <w:rsid w:val="00381442"/>
    <w:rsid w:val="00382945"/>
    <w:rsid w:val="00383522"/>
    <w:rsid w:val="003837D4"/>
    <w:rsid w:val="003838B4"/>
    <w:rsid w:val="00384139"/>
    <w:rsid w:val="00384555"/>
    <w:rsid w:val="00384852"/>
    <w:rsid w:val="00384C0E"/>
    <w:rsid w:val="00385310"/>
    <w:rsid w:val="003858B4"/>
    <w:rsid w:val="00385C82"/>
    <w:rsid w:val="00385CA0"/>
    <w:rsid w:val="00387534"/>
    <w:rsid w:val="003876A6"/>
    <w:rsid w:val="00387B06"/>
    <w:rsid w:val="00387DCB"/>
    <w:rsid w:val="00387ED3"/>
    <w:rsid w:val="00390949"/>
    <w:rsid w:val="0039124A"/>
    <w:rsid w:val="00391943"/>
    <w:rsid w:val="00391B0A"/>
    <w:rsid w:val="00391DEF"/>
    <w:rsid w:val="00392554"/>
    <w:rsid w:val="00392C63"/>
    <w:rsid w:val="00393303"/>
    <w:rsid w:val="003944BC"/>
    <w:rsid w:val="00394C97"/>
    <w:rsid w:val="00396735"/>
    <w:rsid w:val="003967DB"/>
    <w:rsid w:val="00396B14"/>
    <w:rsid w:val="0039756A"/>
    <w:rsid w:val="00397E37"/>
    <w:rsid w:val="003A098B"/>
    <w:rsid w:val="003A0F15"/>
    <w:rsid w:val="003A12BD"/>
    <w:rsid w:val="003A157B"/>
    <w:rsid w:val="003A1E9C"/>
    <w:rsid w:val="003A26BF"/>
    <w:rsid w:val="003A2AC6"/>
    <w:rsid w:val="003A31AC"/>
    <w:rsid w:val="003A32C5"/>
    <w:rsid w:val="003A44FA"/>
    <w:rsid w:val="003A4883"/>
    <w:rsid w:val="003A5501"/>
    <w:rsid w:val="003A57C8"/>
    <w:rsid w:val="003A58CE"/>
    <w:rsid w:val="003A5995"/>
    <w:rsid w:val="003A5F3F"/>
    <w:rsid w:val="003A5F7A"/>
    <w:rsid w:val="003A7147"/>
    <w:rsid w:val="003A7A7D"/>
    <w:rsid w:val="003B03EC"/>
    <w:rsid w:val="003B0E0D"/>
    <w:rsid w:val="003B20D3"/>
    <w:rsid w:val="003B23AD"/>
    <w:rsid w:val="003B2EB0"/>
    <w:rsid w:val="003B330A"/>
    <w:rsid w:val="003B371F"/>
    <w:rsid w:val="003B45D7"/>
    <w:rsid w:val="003B5914"/>
    <w:rsid w:val="003B59BB"/>
    <w:rsid w:val="003B631D"/>
    <w:rsid w:val="003B63C9"/>
    <w:rsid w:val="003B642B"/>
    <w:rsid w:val="003B6FC2"/>
    <w:rsid w:val="003B7A10"/>
    <w:rsid w:val="003C0AD0"/>
    <w:rsid w:val="003C1277"/>
    <w:rsid w:val="003C2A52"/>
    <w:rsid w:val="003C307E"/>
    <w:rsid w:val="003C332F"/>
    <w:rsid w:val="003C3B62"/>
    <w:rsid w:val="003C3EED"/>
    <w:rsid w:val="003C496F"/>
    <w:rsid w:val="003C4A36"/>
    <w:rsid w:val="003C56A9"/>
    <w:rsid w:val="003C62B8"/>
    <w:rsid w:val="003C62E5"/>
    <w:rsid w:val="003C6384"/>
    <w:rsid w:val="003C739C"/>
    <w:rsid w:val="003C7CAE"/>
    <w:rsid w:val="003D19CD"/>
    <w:rsid w:val="003D1C01"/>
    <w:rsid w:val="003D2671"/>
    <w:rsid w:val="003D2B51"/>
    <w:rsid w:val="003D2DBB"/>
    <w:rsid w:val="003D32D9"/>
    <w:rsid w:val="003D35C6"/>
    <w:rsid w:val="003D3E05"/>
    <w:rsid w:val="003D4432"/>
    <w:rsid w:val="003D4C61"/>
    <w:rsid w:val="003D522B"/>
    <w:rsid w:val="003D5F97"/>
    <w:rsid w:val="003D6FFA"/>
    <w:rsid w:val="003D7B4D"/>
    <w:rsid w:val="003E0128"/>
    <w:rsid w:val="003E01DE"/>
    <w:rsid w:val="003E10E9"/>
    <w:rsid w:val="003E13E0"/>
    <w:rsid w:val="003E1747"/>
    <w:rsid w:val="003E193A"/>
    <w:rsid w:val="003E299B"/>
    <w:rsid w:val="003E2AF8"/>
    <w:rsid w:val="003E2E9F"/>
    <w:rsid w:val="003E317A"/>
    <w:rsid w:val="003E392A"/>
    <w:rsid w:val="003E3A4C"/>
    <w:rsid w:val="003E4111"/>
    <w:rsid w:val="003E4866"/>
    <w:rsid w:val="003E496F"/>
    <w:rsid w:val="003E4B0C"/>
    <w:rsid w:val="003E4BC5"/>
    <w:rsid w:val="003E5807"/>
    <w:rsid w:val="003E5C22"/>
    <w:rsid w:val="003E6336"/>
    <w:rsid w:val="003E65A5"/>
    <w:rsid w:val="003E6BC6"/>
    <w:rsid w:val="003E6EE4"/>
    <w:rsid w:val="003E70C8"/>
    <w:rsid w:val="003F00EA"/>
    <w:rsid w:val="003F02AA"/>
    <w:rsid w:val="003F0559"/>
    <w:rsid w:val="003F0A2A"/>
    <w:rsid w:val="003F1201"/>
    <w:rsid w:val="003F178B"/>
    <w:rsid w:val="003F1794"/>
    <w:rsid w:val="003F17B1"/>
    <w:rsid w:val="003F1967"/>
    <w:rsid w:val="003F35DF"/>
    <w:rsid w:val="003F362C"/>
    <w:rsid w:val="003F4191"/>
    <w:rsid w:val="003F4D28"/>
    <w:rsid w:val="003F4FE6"/>
    <w:rsid w:val="003F5996"/>
    <w:rsid w:val="003F5A66"/>
    <w:rsid w:val="003F5C3A"/>
    <w:rsid w:val="003F6107"/>
    <w:rsid w:val="003F64D9"/>
    <w:rsid w:val="003F6AA4"/>
    <w:rsid w:val="003F7EF9"/>
    <w:rsid w:val="00400724"/>
    <w:rsid w:val="004007ED"/>
    <w:rsid w:val="004008A5"/>
    <w:rsid w:val="0040097B"/>
    <w:rsid w:val="004012C0"/>
    <w:rsid w:val="004021BA"/>
    <w:rsid w:val="00402B38"/>
    <w:rsid w:val="004032BA"/>
    <w:rsid w:val="00404100"/>
    <w:rsid w:val="00404232"/>
    <w:rsid w:val="0040431E"/>
    <w:rsid w:val="00404D45"/>
    <w:rsid w:val="00404E51"/>
    <w:rsid w:val="00404EB8"/>
    <w:rsid w:val="00405373"/>
    <w:rsid w:val="00405822"/>
    <w:rsid w:val="00405AAD"/>
    <w:rsid w:val="00406184"/>
    <w:rsid w:val="004064FA"/>
    <w:rsid w:val="0040677A"/>
    <w:rsid w:val="00406AC0"/>
    <w:rsid w:val="00406F65"/>
    <w:rsid w:val="00407521"/>
    <w:rsid w:val="00407C5A"/>
    <w:rsid w:val="004117B3"/>
    <w:rsid w:val="004117DD"/>
    <w:rsid w:val="004118D1"/>
    <w:rsid w:val="00411AE6"/>
    <w:rsid w:val="004125EE"/>
    <w:rsid w:val="0041313D"/>
    <w:rsid w:val="0041357F"/>
    <w:rsid w:val="00413720"/>
    <w:rsid w:val="0041448C"/>
    <w:rsid w:val="004144D4"/>
    <w:rsid w:val="00414532"/>
    <w:rsid w:val="00415789"/>
    <w:rsid w:val="004159C6"/>
    <w:rsid w:val="00415A4A"/>
    <w:rsid w:val="00415A91"/>
    <w:rsid w:val="004162A5"/>
    <w:rsid w:val="004163FE"/>
    <w:rsid w:val="004165EB"/>
    <w:rsid w:val="00416952"/>
    <w:rsid w:val="0041699F"/>
    <w:rsid w:val="0041728A"/>
    <w:rsid w:val="004179A2"/>
    <w:rsid w:val="00420C6F"/>
    <w:rsid w:val="00421310"/>
    <w:rsid w:val="00421ACA"/>
    <w:rsid w:val="004220E5"/>
    <w:rsid w:val="004221D1"/>
    <w:rsid w:val="00422C9A"/>
    <w:rsid w:val="00422D49"/>
    <w:rsid w:val="0042393E"/>
    <w:rsid w:val="00423F4B"/>
    <w:rsid w:val="0042406C"/>
    <w:rsid w:val="004240A6"/>
    <w:rsid w:val="0042462C"/>
    <w:rsid w:val="00424F27"/>
    <w:rsid w:val="00425041"/>
    <w:rsid w:val="004251FA"/>
    <w:rsid w:val="004251FE"/>
    <w:rsid w:val="00425680"/>
    <w:rsid w:val="0042671A"/>
    <w:rsid w:val="00426B0D"/>
    <w:rsid w:val="0042713C"/>
    <w:rsid w:val="00427930"/>
    <w:rsid w:val="00427BEA"/>
    <w:rsid w:val="00427EAB"/>
    <w:rsid w:val="00430366"/>
    <w:rsid w:val="00430FBB"/>
    <w:rsid w:val="004312F5"/>
    <w:rsid w:val="004315BC"/>
    <w:rsid w:val="00432441"/>
    <w:rsid w:val="00432673"/>
    <w:rsid w:val="00432A91"/>
    <w:rsid w:val="00432CA9"/>
    <w:rsid w:val="00432DD3"/>
    <w:rsid w:val="00433441"/>
    <w:rsid w:val="00433702"/>
    <w:rsid w:val="004337B4"/>
    <w:rsid w:val="00433883"/>
    <w:rsid w:val="00433D69"/>
    <w:rsid w:val="00434A9A"/>
    <w:rsid w:val="00435AC4"/>
    <w:rsid w:val="00436163"/>
    <w:rsid w:val="00436B69"/>
    <w:rsid w:val="00436F6B"/>
    <w:rsid w:val="00436FD3"/>
    <w:rsid w:val="00437073"/>
    <w:rsid w:val="00437235"/>
    <w:rsid w:val="004400C5"/>
    <w:rsid w:val="00440665"/>
    <w:rsid w:val="00440792"/>
    <w:rsid w:val="00440DD0"/>
    <w:rsid w:val="00441EE8"/>
    <w:rsid w:val="004421CB"/>
    <w:rsid w:val="004425EB"/>
    <w:rsid w:val="00442670"/>
    <w:rsid w:val="00442DCF"/>
    <w:rsid w:val="0044457A"/>
    <w:rsid w:val="00445204"/>
    <w:rsid w:val="004456DC"/>
    <w:rsid w:val="00447E5B"/>
    <w:rsid w:val="00450C59"/>
    <w:rsid w:val="00450D51"/>
    <w:rsid w:val="00451079"/>
    <w:rsid w:val="00451336"/>
    <w:rsid w:val="004519EB"/>
    <w:rsid w:val="0045223D"/>
    <w:rsid w:val="00452DBC"/>
    <w:rsid w:val="004532CA"/>
    <w:rsid w:val="00453C29"/>
    <w:rsid w:val="00454384"/>
    <w:rsid w:val="00454456"/>
    <w:rsid w:val="00454806"/>
    <w:rsid w:val="00455B18"/>
    <w:rsid w:val="00455DE0"/>
    <w:rsid w:val="004567B5"/>
    <w:rsid w:val="00457016"/>
    <w:rsid w:val="00457672"/>
    <w:rsid w:val="00457B5A"/>
    <w:rsid w:val="004605E3"/>
    <w:rsid w:val="0046085D"/>
    <w:rsid w:val="004615F8"/>
    <w:rsid w:val="00462391"/>
    <w:rsid w:val="004631A4"/>
    <w:rsid w:val="004633CE"/>
    <w:rsid w:val="00463558"/>
    <w:rsid w:val="00463735"/>
    <w:rsid w:val="004637E8"/>
    <w:rsid w:val="004639C9"/>
    <w:rsid w:val="00463E35"/>
    <w:rsid w:val="00465502"/>
    <w:rsid w:val="00465A56"/>
    <w:rsid w:val="004666A7"/>
    <w:rsid w:val="00467211"/>
    <w:rsid w:val="00467F46"/>
    <w:rsid w:val="0047035C"/>
    <w:rsid w:val="00470581"/>
    <w:rsid w:val="00470AF8"/>
    <w:rsid w:val="004715A0"/>
    <w:rsid w:val="0047314A"/>
    <w:rsid w:val="004735E7"/>
    <w:rsid w:val="00473BF2"/>
    <w:rsid w:val="00473D0C"/>
    <w:rsid w:val="0047400A"/>
    <w:rsid w:val="0047451F"/>
    <w:rsid w:val="00474736"/>
    <w:rsid w:val="00474829"/>
    <w:rsid w:val="0047567A"/>
    <w:rsid w:val="00475A64"/>
    <w:rsid w:val="004762F0"/>
    <w:rsid w:val="00476C02"/>
    <w:rsid w:val="00476C46"/>
    <w:rsid w:val="00476EB7"/>
    <w:rsid w:val="004776DC"/>
    <w:rsid w:val="0048033F"/>
    <w:rsid w:val="00480F4A"/>
    <w:rsid w:val="004811A6"/>
    <w:rsid w:val="0048186C"/>
    <w:rsid w:val="00481D35"/>
    <w:rsid w:val="00483A1F"/>
    <w:rsid w:val="00484C11"/>
    <w:rsid w:val="00484E43"/>
    <w:rsid w:val="00485DC5"/>
    <w:rsid w:val="00485E29"/>
    <w:rsid w:val="00486A92"/>
    <w:rsid w:val="00486CCA"/>
    <w:rsid w:val="00486DBC"/>
    <w:rsid w:val="0048712D"/>
    <w:rsid w:val="00487343"/>
    <w:rsid w:val="00490E58"/>
    <w:rsid w:val="00490FE7"/>
    <w:rsid w:val="004912DF"/>
    <w:rsid w:val="00491839"/>
    <w:rsid w:val="00492A39"/>
    <w:rsid w:val="00492DB8"/>
    <w:rsid w:val="004947FA"/>
    <w:rsid w:val="00494E44"/>
    <w:rsid w:val="004959C1"/>
    <w:rsid w:val="00495B64"/>
    <w:rsid w:val="00496252"/>
    <w:rsid w:val="00496376"/>
    <w:rsid w:val="0049645A"/>
    <w:rsid w:val="004966EF"/>
    <w:rsid w:val="00496BC9"/>
    <w:rsid w:val="00496F41"/>
    <w:rsid w:val="00497317"/>
    <w:rsid w:val="00497DC4"/>
    <w:rsid w:val="004A0127"/>
    <w:rsid w:val="004A03C8"/>
    <w:rsid w:val="004A058A"/>
    <w:rsid w:val="004A0D05"/>
    <w:rsid w:val="004A12C3"/>
    <w:rsid w:val="004A17DD"/>
    <w:rsid w:val="004A1CA8"/>
    <w:rsid w:val="004A24DE"/>
    <w:rsid w:val="004A34EF"/>
    <w:rsid w:val="004A37BB"/>
    <w:rsid w:val="004A483D"/>
    <w:rsid w:val="004A49ED"/>
    <w:rsid w:val="004A66E1"/>
    <w:rsid w:val="004A671E"/>
    <w:rsid w:val="004A6871"/>
    <w:rsid w:val="004B0229"/>
    <w:rsid w:val="004B041F"/>
    <w:rsid w:val="004B09D9"/>
    <w:rsid w:val="004B0B23"/>
    <w:rsid w:val="004B0E0C"/>
    <w:rsid w:val="004B123E"/>
    <w:rsid w:val="004B1640"/>
    <w:rsid w:val="004B180B"/>
    <w:rsid w:val="004B1CAE"/>
    <w:rsid w:val="004B23E3"/>
    <w:rsid w:val="004B26AB"/>
    <w:rsid w:val="004B29A3"/>
    <w:rsid w:val="004B30BD"/>
    <w:rsid w:val="004B31B2"/>
    <w:rsid w:val="004B37BA"/>
    <w:rsid w:val="004B433A"/>
    <w:rsid w:val="004B5083"/>
    <w:rsid w:val="004B56E9"/>
    <w:rsid w:val="004B59C9"/>
    <w:rsid w:val="004B6218"/>
    <w:rsid w:val="004B6677"/>
    <w:rsid w:val="004B78F7"/>
    <w:rsid w:val="004C02A8"/>
    <w:rsid w:val="004C05B9"/>
    <w:rsid w:val="004C0DAB"/>
    <w:rsid w:val="004C1124"/>
    <w:rsid w:val="004C1221"/>
    <w:rsid w:val="004C1905"/>
    <w:rsid w:val="004C207B"/>
    <w:rsid w:val="004C2184"/>
    <w:rsid w:val="004C2430"/>
    <w:rsid w:val="004C279E"/>
    <w:rsid w:val="004C5291"/>
    <w:rsid w:val="004C5E37"/>
    <w:rsid w:val="004C6026"/>
    <w:rsid w:val="004C64BF"/>
    <w:rsid w:val="004C68E8"/>
    <w:rsid w:val="004D028D"/>
    <w:rsid w:val="004D133C"/>
    <w:rsid w:val="004D4C26"/>
    <w:rsid w:val="004D561D"/>
    <w:rsid w:val="004D5A99"/>
    <w:rsid w:val="004D5AAC"/>
    <w:rsid w:val="004D6451"/>
    <w:rsid w:val="004D67D7"/>
    <w:rsid w:val="004D72AD"/>
    <w:rsid w:val="004E1A21"/>
    <w:rsid w:val="004E2355"/>
    <w:rsid w:val="004E2372"/>
    <w:rsid w:val="004E2534"/>
    <w:rsid w:val="004E2823"/>
    <w:rsid w:val="004E288D"/>
    <w:rsid w:val="004E2F93"/>
    <w:rsid w:val="004E3621"/>
    <w:rsid w:val="004E4660"/>
    <w:rsid w:val="004E4DF8"/>
    <w:rsid w:val="004E58F8"/>
    <w:rsid w:val="004E5F17"/>
    <w:rsid w:val="004E6AC8"/>
    <w:rsid w:val="004E6B90"/>
    <w:rsid w:val="004E6D7B"/>
    <w:rsid w:val="004E76BE"/>
    <w:rsid w:val="004F0CA0"/>
    <w:rsid w:val="004F1C84"/>
    <w:rsid w:val="004F2801"/>
    <w:rsid w:val="004F3307"/>
    <w:rsid w:val="004F3362"/>
    <w:rsid w:val="004F3648"/>
    <w:rsid w:val="004F3FA7"/>
    <w:rsid w:val="004F4989"/>
    <w:rsid w:val="004F50FB"/>
    <w:rsid w:val="004F544E"/>
    <w:rsid w:val="004F5F2A"/>
    <w:rsid w:val="004F671A"/>
    <w:rsid w:val="004F6822"/>
    <w:rsid w:val="004F772A"/>
    <w:rsid w:val="00500DC0"/>
    <w:rsid w:val="00501716"/>
    <w:rsid w:val="00501E89"/>
    <w:rsid w:val="0050207D"/>
    <w:rsid w:val="0050250E"/>
    <w:rsid w:val="00502C35"/>
    <w:rsid w:val="0050311D"/>
    <w:rsid w:val="00503901"/>
    <w:rsid w:val="005041E8"/>
    <w:rsid w:val="0050443F"/>
    <w:rsid w:val="00504678"/>
    <w:rsid w:val="00504820"/>
    <w:rsid w:val="00504B31"/>
    <w:rsid w:val="00505A27"/>
    <w:rsid w:val="00506ECB"/>
    <w:rsid w:val="00507D89"/>
    <w:rsid w:val="0051000A"/>
    <w:rsid w:val="00510E41"/>
    <w:rsid w:val="00510FF8"/>
    <w:rsid w:val="005113BA"/>
    <w:rsid w:val="0051160A"/>
    <w:rsid w:val="00511624"/>
    <w:rsid w:val="00512014"/>
    <w:rsid w:val="00512A24"/>
    <w:rsid w:val="00513967"/>
    <w:rsid w:val="00513C2C"/>
    <w:rsid w:val="00513D16"/>
    <w:rsid w:val="005140DF"/>
    <w:rsid w:val="00514AA6"/>
    <w:rsid w:val="00515AB8"/>
    <w:rsid w:val="00515FE6"/>
    <w:rsid w:val="005162A2"/>
    <w:rsid w:val="00516773"/>
    <w:rsid w:val="005169AF"/>
    <w:rsid w:val="005173D6"/>
    <w:rsid w:val="005174A5"/>
    <w:rsid w:val="005177AB"/>
    <w:rsid w:val="00517819"/>
    <w:rsid w:val="0052062B"/>
    <w:rsid w:val="005216D9"/>
    <w:rsid w:val="0052192E"/>
    <w:rsid w:val="00521A05"/>
    <w:rsid w:val="00521DA3"/>
    <w:rsid w:val="00522037"/>
    <w:rsid w:val="0052492E"/>
    <w:rsid w:val="00524B65"/>
    <w:rsid w:val="00524D7A"/>
    <w:rsid w:val="005255F5"/>
    <w:rsid w:val="005256CF"/>
    <w:rsid w:val="005259FD"/>
    <w:rsid w:val="00525C73"/>
    <w:rsid w:val="00526CE5"/>
    <w:rsid w:val="00527265"/>
    <w:rsid w:val="005301DD"/>
    <w:rsid w:val="00530908"/>
    <w:rsid w:val="00531713"/>
    <w:rsid w:val="00531A8D"/>
    <w:rsid w:val="00531B3F"/>
    <w:rsid w:val="00531F74"/>
    <w:rsid w:val="00532160"/>
    <w:rsid w:val="00533524"/>
    <w:rsid w:val="00533C12"/>
    <w:rsid w:val="00534472"/>
    <w:rsid w:val="005347D7"/>
    <w:rsid w:val="00534E7B"/>
    <w:rsid w:val="0053593D"/>
    <w:rsid w:val="005367D6"/>
    <w:rsid w:val="00536E75"/>
    <w:rsid w:val="00536F54"/>
    <w:rsid w:val="005372B2"/>
    <w:rsid w:val="00537338"/>
    <w:rsid w:val="005373FE"/>
    <w:rsid w:val="00537BE0"/>
    <w:rsid w:val="00537F18"/>
    <w:rsid w:val="00540168"/>
    <w:rsid w:val="005412C1"/>
    <w:rsid w:val="005413AB"/>
    <w:rsid w:val="00541695"/>
    <w:rsid w:val="00541C52"/>
    <w:rsid w:val="00542244"/>
    <w:rsid w:val="00542702"/>
    <w:rsid w:val="0054330D"/>
    <w:rsid w:val="00543B1D"/>
    <w:rsid w:val="00543BF4"/>
    <w:rsid w:val="00543D8E"/>
    <w:rsid w:val="00544291"/>
    <w:rsid w:val="005444A4"/>
    <w:rsid w:val="005444AB"/>
    <w:rsid w:val="00544755"/>
    <w:rsid w:val="0054488A"/>
    <w:rsid w:val="00545EDC"/>
    <w:rsid w:val="0055007D"/>
    <w:rsid w:val="00550320"/>
    <w:rsid w:val="00550F21"/>
    <w:rsid w:val="00551C25"/>
    <w:rsid w:val="00551CB5"/>
    <w:rsid w:val="00552C3E"/>
    <w:rsid w:val="00553C1A"/>
    <w:rsid w:val="005545F2"/>
    <w:rsid w:val="00554713"/>
    <w:rsid w:val="00554E98"/>
    <w:rsid w:val="00555897"/>
    <w:rsid w:val="00555E04"/>
    <w:rsid w:val="00556076"/>
    <w:rsid w:val="00556802"/>
    <w:rsid w:val="0055748C"/>
    <w:rsid w:val="00557593"/>
    <w:rsid w:val="00557E87"/>
    <w:rsid w:val="005600CB"/>
    <w:rsid w:val="00560DBB"/>
    <w:rsid w:val="005619BE"/>
    <w:rsid w:val="00561A12"/>
    <w:rsid w:val="00562599"/>
    <w:rsid w:val="00562676"/>
    <w:rsid w:val="005634B4"/>
    <w:rsid w:val="0056401B"/>
    <w:rsid w:val="00565082"/>
    <w:rsid w:val="005656B9"/>
    <w:rsid w:val="00565D4B"/>
    <w:rsid w:val="0056634D"/>
    <w:rsid w:val="0056649A"/>
    <w:rsid w:val="005666E1"/>
    <w:rsid w:val="0056683D"/>
    <w:rsid w:val="00566D30"/>
    <w:rsid w:val="0057067A"/>
    <w:rsid w:val="005720A9"/>
    <w:rsid w:val="00572282"/>
    <w:rsid w:val="005733D3"/>
    <w:rsid w:val="00573F4F"/>
    <w:rsid w:val="00574E64"/>
    <w:rsid w:val="00575AAD"/>
    <w:rsid w:val="00576B97"/>
    <w:rsid w:val="00577A32"/>
    <w:rsid w:val="00577D3D"/>
    <w:rsid w:val="00580FE3"/>
    <w:rsid w:val="0058140E"/>
    <w:rsid w:val="0058292D"/>
    <w:rsid w:val="00582F9B"/>
    <w:rsid w:val="00584619"/>
    <w:rsid w:val="005849EB"/>
    <w:rsid w:val="00585058"/>
    <w:rsid w:val="005855EF"/>
    <w:rsid w:val="00586188"/>
    <w:rsid w:val="00586375"/>
    <w:rsid w:val="005864C2"/>
    <w:rsid w:val="0058715B"/>
    <w:rsid w:val="00587A2D"/>
    <w:rsid w:val="005907ED"/>
    <w:rsid w:val="0059133E"/>
    <w:rsid w:val="00591F8A"/>
    <w:rsid w:val="00591FF9"/>
    <w:rsid w:val="005924E7"/>
    <w:rsid w:val="00592871"/>
    <w:rsid w:val="00593397"/>
    <w:rsid w:val="00595FFF"/>
    <w:rsid w:val="005960C5"/>
    <w:rsid w:val="00596373"/>
    <w:rsid w:val="005971BA"/>
    <w:rsid w:val="00597A4D"/>
    <w:rsid w:val="005A0402"/>
    <w:rsid w:val="005A0E1C"/>
    <w:rsid w:val="005A1896"/>
    <w:rsid w:val="005A21D8"/>
    <w:rsid w:val="005A23CA"/>
    <w:rsid w:val="005A3212"/>
    <w:rsid w:val="005A3BCF"/>
    <w:rsid w:val="005A3F62"/>
    <w:rsid w:val="005A54E7"/>
    <w:rsid w:val="005A5698"/>
    <w:rsid w:val="005A68B2"/>
    <w:rsid w:val="005B0681"/>
    <w:rsid w:val="005B0798"/>
    <w:rsid w:val="005B1731"/>
    <w:rsid w:val="005B2403"/>
    <w:rsid w:val="005B35A7"/>
    <w:rsid w:val="005B4060"/>
    <w:rsid w:val="005B53D5"/>
    <w:rsid w:val="005B568B"/>
    <w:rsid w:val="005B575C"/>
    <w:rsid w:val="005B586A"/>
    <w:rsid w:val="005B59B2"/>
    <w:rsid w:val="005B5A0D"/>
    <w:rsid w:val="005B5B77"/>
    <w:rsid w:val="005B674D"/>
    <w:rsid w:val="005B6CF4"/>
    <w:rsid w:val="005B7F16"/>
    <w:rsid w:val="005C0358"/>
    <w:rsid w:val="005C07B4"/>
    <w:rsid w:val="005C0F60"/>
    <w:rsid w:val="005C244B"/>
    <w:rsid w:val="005C26F2"/>
    <w:rsid w:val="005C2C0D"/>
    <w:rsid w:val="005C4191"/>
    <w:rsid w:val="005C4512"/>
    <w:rsid w:val="005C482E"/>
    <w:rsid w:val="005C5136"/>
    <w:rsid w:val="005C57A4"/>
    <w:rsid w:val="005C5EF7"/>
    <w:rsid w:val="005C6000"/>
    <w:rsid w:val="005C6073"/>
    <w:rsid w:val="005C66CE"/>
    <w:rsid w:val="005C74A1"/>
    <w:rsid w:val="005C7CE3"/>
    <w:rsid w:val="005C7FF5"/>
    <w:rsid w:val="005D01C0"/>
    <w:rsid w:val="005D02D1"/>
    <w:rsid w:val="005D14BD"/>
    <w:rsid w:val="005D1759"/>
    <w:rsid w:val="005D20A8"/>
    <w:rsid w:val="005D20B1"/>
    <w:rsid w:val="005D28EB"/>
    <w:rsid w:val="005D329D"/>
    <w:rsid w:val="005D3379"/>
    <w:rsid w:val="005D3A53"/>
    <w:rsid w:val="005D3C7F"/>
    <w:rsid w:val="005D3E29"/>
    <w:rsid w:val="005D4245"/>
    <w:rsid w:val="005D4B2D"/>
    <w:rsid w:val="005D4C60"/>
    <w:rsid w:val="005D4E3E"/>
    <w:rsid w:val="005D4FE1"/>
    <w:rsid w:val="005D527D"/>
    <w:rsid w:val="005D648D"/>
    <w:rsid w:val="005D6548"/>
    <w:rsid w:val="005D6AF7"/>
    <w:rsid w:val="005D6FA3"/>
    <w:rsid w:val="005D77A8"/>
    <w:rsid w:val="005D7CEC"/>
    <w:rsid w:val="005E1822"/>
    <w:rsid w:val="005E224E"/>
    <w:rsid w:val="005E2571"/>
    <w:rsid w:val="005E2A1C"/>
    <w:rsid w:val="005E2D70"/>
    <w:rsid w:val="005E347F"/>
    <w:rsid w:val="005E384D"/>
    <w:rsid w:val="005E3F8F"/>
    <w:rsid w:val="005E40CC"/>
    <w:rsid w:val="005E481B"/>
    <w:rsid w:val="005E4969"/>
    <w:rsid w:val="005E4A0F"/>
    <w:rsid w:val="005E4A24"/>
    <w:rsid w:val="005E4C0C"/>
    <w:rsid w:val="005E4CD2"/>
    <w:rsid w:val="005E547C"/>
    <w:rsid w:val="005E56B7"/>
    <w:rsid w:val="005E56CB"/>
    <w:rsid w:val="005E6217"/>
    <w:rsid w:val="005E6746"/>
    <w:rsid w:val="005E6933"/>
    <w:rsid w:val="005E693C"/>
    <w:rsid w:val="005E6BE5"/>
    <w:rsid w:val="005E6E70"/>
    <w:rsid w:val="005E7FD1"/>
    <w:rsid w:val="005F0F67"/>
    <w:rsid w:val="005F2484"/>
    <w:rsid w:val="005F284B"/>
    <w:rsid w:val="005F2D25"/>
    <w:rsid w:val="005F2EE0"/>
    <w:rsid w:val="005F38C8"/>
    <w:rsid w:val="005F3DE2"/>
    <w:rsid w:val="005F5272"/>
    <w:rsid w:val="005F52E6"/>
    <w:rsid w:val="005F6333"/>
    <w:rsid w:val="005F6D40"/>
    <w:rsid w:val="005F75A6"/>
    <w:rsid w:val="005F7AD1"/>
    <w:rsid w:val="005F7CFA"/>
    <w:rsid w:val="006003F8"/>
    <w:rsid w:val="00600D23"/>
    <w:rsid w:val="00601256"/>
    <w:rsid w:val="006013EC"/>
    <w:rsid w:val="006014D5"/>
    <w:rsid w:val="006014E4"/>
    <w:rsid w:val="006014FB"/>
    <w:rsid w:val="00601C35"/>
    <w:rsid w:val="00602ACB"/>
    <w:rsid w:val="00602B48"/>
    <w:rsid w:val="00603064"/>
    <w:rsid w:val="00603176"/>
    <w:rsid w:val="00603523"/>
    <w:rsid w:val="006036CA"/>
    <w:rsid w:val="00603A0C"/>
    <w:rsid w:val="00603B1E"/>
    <w:rsid w:val="00604047"/>
    <w:rsid w:val="00604155"/>
    <w:rsid w:val="006048EB"/>
    <w:rsid w:val="006050DC"/>
    <w:rsid w:val="00605430"/>
    <w:rsid w:val="00605798"/>
    <w:rsid w:val="00605DD0"/>
    <w:rsid w:val="006067CD"/>
    <w:rsid w:val="00606B00"/>
    <w:rsid w:val="00607790"/>
    <w:rsid w:val="00610927"/>
    <w:rsid w:val="00610AF0"/>
    <w:rsid w:val="0061103F"/>
    <w:rsid w:val="006119D6"/>
    <w:rsid w:val="00612309"/>
    <w:rsid w:val="006140B9"/>
    <w:rsid w:val="00614496"/>
    <w:rsid w:val="006145F3"/>
    <w:rsid w:val="006148EE"/>
    <w:rsid w:val="00616054"/>
    <w:rsid w:val="00616989"/>
    <w:rsid w:val="00616E21"/>
    <w:rsid w:val="006175C9"/>
    <w:rsid w:val="00617B5D"/>
    <w:rsid w:val="0062098E"/>
    <w:rsid w:val="006211DF"/>
    <w:rsid w:val="006215C4"/>
    <w:rsid w:val="00621B34"/>
    <w:rsid w:val="006231DD"/>
    <w:rsid w:val="006232CF"/>
    <w:rsid w:val="00624265"/>
    <w:rsid w:val="00624890"/>
    <w:rsid w:val="00624DF9"/>
    <w:rsid w:val="00625986"/>
    <w:rsid w:val="00625D3C"/>
    <w:rsid w:val="006260A5"/>
    <w:rsid w:val="006270F2"/>
    <w:rsid w:val="00627344"/>
    <w:rsid w:val="0062777B"/>
    <w:rsid w:val="006277CE"/>
    <w:rsid w:val="00627C4D"/>
    <w:rsid w:val="0063024B"/>
    <w:rsid w:val="006308A7"/>
    <w:rsid w:val="0063180E"/>
    <w:rsid w:val="00631E30"/>
    <w:rsid w:val="0063237D"/>
    <w:rsid w:val="006341DB"/>
    <w:rsid w:val="00635305"/>
    <w:rsid w:val="00635571"/>
    <w:rsid w:val="006359A3"/>
    <w:rsid w:val="006364F7"/>
    <w:rsid w:val="006375F8"/>
    <w:rsid w:val="00637606"/>
    <w:rsid w:val="00637A90"/>
    <w:rsid w:val="00640C80"/>
    <w:rsid w:val="006412B3"/>
    <w:rsid w:val="0064211A"/>
    <w:rsid w:val="00642819"/>
    <w:rsid w:val="00642AB4"/>
    <w:rsid w:val="00643119"/>
    <w:rsid w:val="0064375A"/>
    <w:rsid w:val="006447EC"/>
    <w:rsid w:val="00644964"/>
    <w:rsid w:val="00644FB8"/>
    <w:rsid w:val="00646453"/>
    <w:rsid w:val="00646A9A"/>
    <w:rsid w:val="00647672"/>
    <w:rsid w:val="006477FC"/>
    <w:rsid w:val="00647825"/>
    <w:rsid w:val="00647999"/>
    <w:rsid w:val="00647D6E"/>
    <w:rsid w:val="00650290"/>
    <w:rsid w:val="006517CA"/>
    <w:rsid w:val="00652BA9"/>
    <w:rsid w:val="006531AD"/>
    <w:rsid w:val="00653369"/>
    <w:rsid w:val="00653506"/>
    <w:rsid w:val="0065444F"/>
    <w:rsid w:val="006549D3"/>
    <w:rsid w:val="0065505C"/>
    <w:rsid w:val="006557DF"/>
    <w:rsid w:val="00655888"/>
    <w:rsid w:val="006559C8"/>
    <w:rsid w:val="00655C81"/>
    <w:rsid w:val="0065626D"/>
    <w:rsid w:val="006569ED"/>
    <w:rsid w:val="0065703C"/>
    <w:rsid w:val="006603AA"/>
    <w:rsid w:val="006608D2"/>
    <w:rsid w:val="00660E67"/>
    <w:rsid w:val="006612DF"/>
    <w:rsid w:val="00661841"/>
    <w:rsid w:val="00661DB0"/>
    <w:rsid w:val="006622E3"/>
    <w:rsid w:val="0066269A"/>
    <w:rsid w:val="0066288F"/>
    <w:rsid w:val="00662D93"/>
    <w:rsid w:val="006630D0"/>
    <w:rsid w:val="00663776"/>
    <w:rsid w:val="00663B66"/>
    <w:rsid w:val="00663BE0"/>
    <w:rsid w:val="00664DC0"/>
    <w:rsid w:val="00664E0A"/>
    <w:rsid w:val="00664ED0"/>
    <w:rsid w:val="00664FB0"/>
    <w:rsid w:val="006653C4"/>
    <w:rsid w:val="00665421"/>
    <w:rsid w:val="00665DD8"/>
    <w:rsid w:val="00666064"/>
    <w:rsid w:val="0066669F"/>
    <w:rsid w:val="0066719E"/>
    <w:rsid w:val="0066739E"/>
    <w:rsid w:val="00667750"/>
    <w:rsid w:val="00667816"/>
    <w:rsid w:val="00670794"/>
    <w:rsid w:val="00670887"/>
    <w:rsid w:val="00670F4D"/>
    <w:rsid w:val="00672C50"/>
    <w:rsid w:val="0067335F"/>
    <w:rsid w:val="0067369C"/>
    <w:rsid w:val="00673A5F"/>
    <w:rsid w:val="00673B9E"/>
    <w:rsid w:val="0067494C"/>
    <w:rsid w:val="00675130"/>
    <w:rsid w:val="00675587"/>
    <w:rsid w:val="00675A56"/>
    <w:rsid w:val="00675BCF"/>
    <w:rsid w:val="00676114"/>
    <w:rsid w:val="00676D21"/>
    <w:rsid w:val="00676D92"/>
    <w:rsid w:val="0067794F"/>
    <w:rsid w:val="00677CAC"/>
    <w:rsid w:val="006806F5"/>
    <w:rsid w:val="00680899"/>
    <w:rsid w:val="00680E9C"/>
    <w:rsid w:val="006811C5"/>
    <w:rsid w:val="006813E2"/>
    <w:rsid w:val="00681BB0"/>
    <w:rsid w:val="00681EF6"/>
    <w:rsid w:val="00681FDC"/>
    <w:rsid w:val="006823E3"/>
    <w:rsid w:val="00682A3A"/>
    <w:rsid w:val="00682F45"/>
    <w:rsid w:val="00682F9F"/>
    <w:rsid w:val="006832D3"/>
    <w:rsid w:val="006835C3"/>
    <w:rsid w:val="00684229"/>
    <w:rsid w:val="00684BC0"/>
    <w:rsid w:val="00684C24"/>
    <w:rsid w:val="006850E6"/>
    <w:rsid w:val="00686419"/>
    <w:rsid w:val="00686684"/>
    <w:rsid w:val="00686DF9"/>
    <w:rsid w:val="00687770"/>
    <w:rsid w:val="00690588"/>
    <w:rsid w:val="006905F9"/>
    <w:rsid w:val="0069075E"/>
    <w:rsid w:val="00691741"/>
    <w:rsid w:val="0069183B"/>
    <w:rsid w:val="00691A27"/>
    <w:rsid w:val="00691BB8"/>
    <w:rsid w:val="0069217F"/>
    <w:rsid w:val="006924E4"/>
    <w:rsid w:val="0069318F"/>
    <w:rsid w:val="00693497"/>
    <w:rsid w:val="006935ED"/>
    <w:rsid w:val="006939DE"/>
    <w:rsid w:val="00693D57"/>
    <w:rsid w:val="00694539"/>
    <w:rsid w:val="006959D0"/>
    <w:rsid w:val="00696501"/>
    <w:rsid w:val="006968A6"/>
    <w:rsid w:val="006972B5"/>
    <w:rsid w:val="0069775B"/>
    <w:rsid w:val="006A011F"/>
    <w:rsid w:val="006A0311"/>
    <w:rsid w:val="006A07E6"/>
    <w:rsid w:val="006A1681"/>
    <w:rsid w:val="006A19C9"/>
    <w:rsid w:val="006A20CB"/>
    <w:rsid w:val="006A2258"/>
    <w:rsid w:val="006A2876"/>
    <w:rsid w:val="006A32CF"/>
    <w:rsid w:val="006A33A3"/>
    <w:rsid w:val="006A3565"/>
    <w:rsid w:val="006A3588"/>
    <w:rsid w:val="006A370F"/>
    <w:rsid w:val="006A436B"/>
    <w:rsid w:val="006A4B52"/>
    <w:rsid w:val="006A4D37"/>
    <w:rsid w:val="006A4E16"/>
    <w:rsid w:val="006A57D1"/>
    <w:rsid w:val="006A5D0D"/>
    <w:rsid w:val="006A75E5"/>
    <w:rsid w:val="006A7EC5"/>
    <w:rsid w:val="006B0137"/>
    <w:rsid w:val="006B0B83"/>
    <w:rsid w:val="006B121E"/>
    <w:rsid w:val="006B14AB"/>
    <w:rsid w:val="006B172D"/>
    <w:rsid w:val="006B175D"/>
    <w:rsid w:val="006B1B90"/>
    <w:rsid w:val="006B2640"/>
    <w:rsid w:val="006B2BF2"/>
    <w:rsid w:val="006B3D87"/>
    <w:rsid w:val="006B4278"/>
    <w:rsid w:val="006B4CAC"/>
    <w:rsid w:val="006B527B"/>
    <w:rsid w:val="006B5BEE"/>
    <w:rsid w:val="006B5DAC"/>
    <w:rsid w:val="006B5F23"/>
    <w:rsid w:val="006B6145"/>
    <w:rsid w:val="006B69C1"/>
    <w:rsid w:val="006B6F8F"/>
    <w:rsid w:val="006B6FD7"/>
    <w:rsid w:val="006B71F1"/>
    <w:rsid w:val="006B74D0"/>
    <w:rsid w:val="006B75D4"/>
    <w:rsid w:val="006B774B"/>
    <w:rsid w:val="006B7E6C"/>
    <w:rsid w:val="006C058F"/>
    <w:rsid w:val="006C1C50"/>
    <w:rsid w:val="006C2280"/>
    <w:rsid w:val="006C2F5A"/>
    <w:rsid w:val="006C3A02"/>
    <w:rsid w:val="006C3CBE"/>
    <w:rsid w:val="006C47EB"/>
    <w:rsid w:val="006C4BE2"/>
    <w:rsid w:val="006C4CFD"/>
    <w:rsid w:val="006C5297"/>
    <w:rsid w:val="006C55F4"/>
    <w:rsid w:val="006C5DF5"/>
    <w:rsid w:val="006C64BA"/>
    <w:rsid w:val="006C6608"/>
    <w:rsid w:val="006C6AA8"/>
    <w:rsid w:val="006C7479"/>
    <w:rsid w:val="006D05BD"/>
    <w:rsid w:val="006D0BAB"/>
    <w:rsid w:val="006D1360"/>
    <w:rsid w:val="006D1E71"/>
    <w:rsid w:val="006D2941"/>
    <w:rsid w:val="006D32F9"/>
    <w:rsid w:val="006D413E"/>
    <w:rsid w:val="006D5B66"/>
    <w:rsid w:val="006D5C63"/>
    <w:rsid w:val="006D6087"/>
    <w:rsid w:val="006D6333"/>
    <w:rsid w:val="006D67F3"/>
    <w:rsid w:val="006E03A3"/>
    <w:rsid w:val="006E0BCE"/>
    <w:rsid w:val="006E0C99"/>
    <w:rsid w:val="006E1806"/>
    <w:rsid w:val="006E182F"/>
    <w:rsid w:val="006E1906"/>
    <w:rsid w:val="006E254C"/>
    <w:rsid w:val="006E2732"/>
    <w:rsid w:val="006E2D6F"/>
    <w:rsid w:val="006E2D85"/>
    <w:rsid w:val="006E2EA3"/>
    <w:rsid w:val="006E3025"/>
    <w:rsid w:val="006E3C3A"/>
    <w:rsid w:val="006E42AD"/>
    <w:rsid w:val="006E5704"/>
    <w:rsid w:val="006E57ED"/>
    <w:rsid w:val="006E5D2F"/>
    <w:rsid w:val="006E67C3"/>
    <w:rsid w:val="006E6D2C"/>
    <w:rsid w:val="006E6FAB"/>
    <w:rsid w:val="006E799A"/>
    <w:rsid w:val="006F0C64"/>
    <w:rsid w:val="006F15B4"/>
    <w:rsid w:val="006F23FF"/>
    <w:rsid w:val="006F2A23"/>
    <w:rsid w:val="006F2DBB"/>
    <w:rsid w:val="006F35C3"/>
    <w:rsid w:val="006F3895"/>
    <w:rsid w:val="006F38B2"/>
    <w:rsid w:val="006F4292"/>
    <w:rsid w:val="006F4E46"/>
    <w:rsid w:val="006F4E97"/>
    <w:rsid w:val="006F51D3"/>
    <w:rsid w:val="006F58CE"/>
    <w:rsid w:val="006F5C89"/>
    <w:rsid w:val="006F6877"/>
    <w:rsid w:val="006F6AA6"/>
    <w:rsid w:val="00700E7E"/>
    <w:rsid w:val="00700E8B"/>
    <w:rsid w:val="00701245"/>
    <w:rsid w:val="007015D5"/>
    <w:rsid w:val="00701F4C"/>
    <w:rsid w:val="0070245B"/>
    <w:rsid w:val="00702545"/>
    <w:rsid w:val="00702E17"/>
    <w:rsid w:val="00703F5F"/>
    <w:rsid w:val="00704117"/>
    <w:rsid w:val="007053C3"/>
    <w:rsid w:val="00705622"/>
    <w:rsid w:val="00705859"/>
    <w:rsid w:val="00705B5F"/>
    <w:rsid w:val="00706616"/>
    <w:rsid w:val="007068BC"/>
    <w:rsid w:val="00706AE8"/>
    <w:rsid w:val="00706BCC"/>
    <w:rsid w:val="00707202"/>
    <w:rsid w:val="00707B16"/>
    <w:rsid w:val="00710255"/>
    <w:rsid w:val="00710438"/>
    <w:rsid w:val="00710E60"/>
    <w:rsid w:val="00711619"/>
    <w:rsid w:val="00711843"/>
    <w:rsid w:val="00711DDC"/>
    <w:rsid w:val="00711E82"/>
    <w:rsid w:val="00711F04"/>
    <w:rsid w:val="007127B6"/>
    <w:rsid w:val="00712B41"/>
    <w:rsid w:val="00712C0C"/>
    <w:rsid w:val="00712C26"/>
    <w:rsid w:val="00713A2A"/>
    <w:rsid w:val="00714979"/>
    <w:rsid w:val="007149AF"/>
    <w:rsid w:val="007153E8"/>
    <w:rsid w:val="00715C34"/>
    <w:rsid w:val="007165AB"/>
    <w:rsid w:val="00716D74"/>
    <w:rsid w:val="00716DBC"/>
    <w:rsid w:val="00717E1F"/>
    <w:rsid w:val="0072009F"/>
    <w:rsid w:val="00720362"/>
    <w:rsid w:val="007206F5"/>
    <w:rsid w:val="007209E2"/>
    <w:rsid w:val="00721463"/>
    <w:rsid w:val="00722B01"/>
    <w:rsid w:val="00722D71"/>
    <w:rsid w:val="007231E7"/>
    <w:rsid w:val="00723236"/>
    <w:rsid w:val="0072342E"/>
    <w:rsid w:val="00723702"/>
    <w:rsid w:val="00723904"/>
    <w:rsid w:val="007246CF"/>
    <w:rsid w:val="00724778"/>
    <w:rsid w:val="00724AD4"/>
    <w:rsid w:val="00725178"/>
    <w:rsid w:val="0072638E"/>
    <w:rsid w:val="007278BB"/>
    <w:rsid w:val="00727A2B"/>
    <w:rsid w:val="00727D30"/>
    <w:rsid w:val="00727E6D"/>
    <w:rsid w:val="0073049A"/>
    <w:rsid w:val="0073061A"/>
    <w:rsid w:val="0073062A"/>
    <w:rsid w:val="00731B5A"/>
    <w:rsid w:val="00732085"/>
    <w:rsid w:val="007326D7"/>
    <w:rsid w:val="00732A37"/>
    <w:rsid w:val="00732F22"/>
    <w:rsid w:val="00733CAF"/>
    <w:rsid w:val="00733E20"/>
    <w:rsid w:val="0073470E"/>
    <w:rsid w:val="00734EA9"/>
    <w:rsid w:val="007357E0"/>
    <w:rsid w:val="0073614E"/>
    <w:rsid w:val="007363B8"/>
    <w:rsid w:val="007363E5"/>
    <w:rsid w:val="00736454"/>
    <w:rsid w:val="0074091C"/>
    <w:rsid w:val="00740B6A"/>
    <w:rsid w:val="00740F46"/>
    <w:rsid w:val="0074160F"/>
    <w:rsid w:val="007417E4"/>
    <w:rsid w:val="0074390A"/>
    <w:rsid w:val="00744140"/>
    <w:rsid w:val="00744B01"/>
    <w:rsid w:val="00744B1A"/>
    <w:rsid w:val="00744D50"/>
    <w:rsid w:val="00745FD3"/>
    <w:rsid w:val="00746B9C"/>
    <w:rsid w:val="00747A7D"/>
    <w:rsid w:val="00750AD7"/>
    <w:rsid w:val="007515BF"/>
    <w:rsid w:val="00751B0A"/>
    <w:rsid w:val="0075235F"/>
    <w:rsid w:val="00752515"/>
    <w:rsid w:val="007526C4"/>
    <w:rsid w:val="007534CA"/>
    <w:rsid w:val="007534FF"/>
    <w:rsid w:val="00753B74"/>
    <w:rsid w:val="00754698"/>
    <w:rsid w:val="007547BB"/>
    <w:rsid w:val="00754BBD"/>
    <w:rsid w:val="00755163"/>
    <w:rsid w:val="00755386"/>
    <w:rsid w:val="00756953"/>
    <w:rsid w:val="0075729D"/>
    <w:rsid w:val="00757346"/>
    <w:rsid w:val="00757B7A"/>
    <w:rsid w:val="00760005"/>
    <w:rsid w:val="0076007F"/>
    <w:rsid w:val="007604FA"/>
    <w:rsid w:val="0076056E"/>
    <w:rsid w:val="00760617"/>
    <w:rsid w:val="00760B1C"/>
    <w:rsid w:val="00761531"/>
    <w:rsid w:val="007618F4"/>
    <w:rsid w:val="00762DD1"/>
    <w:rsid w:val="00762E2D"/>
    <w:rsid w:val="00763256"/>
    <w:rsid w:val="00763453"/>
    <w:rsid w:val="0076354D"/>
    <w:rsid w:val="00763B96"/>
    <w:rsid w:val="00763F46"/>
    <w:rsid w:val="007640F0"/>
    <w:rsid w:val="00764D0E"/>
    <w:rsid w:val="007652EF"/>
    <w:rsid w:val="00765BE8"/>
    <w:rsid w:val="00765D18"/>
    <w:rsid w:val="00765DCA"/>
    <w:rsid w:val="00766723"/>
    <w:rsid w:val="00767282"/>
    <w:rsid w:val="00770335"/>
    <w:rsid w:val="0077038F"/>
    <w:rsid w:val="0077043A"/>
    <w:rsid w:val="00770E23"/>
    <w:rsid w:val="007719FB"/>
    <w:rsid w:val="00772359"/>
    <w:rsid w:val="007724B9"/>
    <w:rsid w:val="007725F2"/>
    <w:rsid w:val="00772B4E"/>
    <w:rsid w:val="00773138"/>
    <w:rsid w:val="00773B5C"/>
    <w:rsid w:val="0077437D"/>
    <w:rsid w:val="00774615"/>
    <w:rsid w:val="007748E8"/>
    <w:rsid w:val="00774C82"/>
    <w:rsid w:val="00774E17"/>
    <w:rsid w:val="00775774"/>
    <w:rsid w:val="0077616D"/>
    <w:rsid w:val="00776491"/>
    <w:rsid w:val="00776A54"/>
    <w:rsid w:val="00777598"/>
    <w:rsid w:val="00777CAD"/>
    <w:rsid w:val="0078067F"/>
    <w:rsid w:val="00780955"/>
    <w:rsid w:val="0078159B"/>
    <w:rsid w:val="007815E4"/>
    <w:rsid w:val="00781C24"/>
    <w:rsid w:val="00783331"/>
    <w:rsid w:val="00783AA6"/>
    <w:rsid w:val="00783B70"/>
    <w:rsid w:val="00784B4B"/>
    <w:rsid w:val="007856BF"/>
    <w:rsid w:val="007856C5"/>
    <w:rsid w:val="0078600F"/>
    <w:rsid w:val="007860FC"/>
    <w:rsid w:val="0078622D"/>
    <w:rsid w:val="00786278"/>
    <w:rsid w:val="0078630D"/>
    <w:rsid w:val="00786E4D"/>
    <w:rsid w:val="007876E3"/>
    <w:rsid w:val="0078784A"/>
    <w:rsid w:val="00787A65"/>
    <w:rsid w:val="00787E32"/>
    <w:rsid w:val="00790226"/>
    <w:rsid w:val="00790557"/>
    <w:rsid w:val="007907B4"/>
    <w:rsid w:val="0079090F"/>
    <w:rsid w:val="00790C1F"/>
    <w:rsid w:val="007915E5"/>
    <w:rsid w:val="0079280E"/>
    <w:rsid w:val="00792DCA"/>
    <w:rsid w:val="00793E5E"/>
    <w:rsid w:val="0079453D"/>
    <w:rsid w:val="00795468"/>
    <w:rsid w:val="0079565E"/>
    <w:rsid w:val="00796A70"/>
    <w:rsid w:val="00797031"/>
    <w:rsid w:val="007A045C"/>
    <w:rsid w:val="007A0BE1"/>
    <w:rsid w:val="007A0C6F"/>
    <w:rsid w:val="007A0E0E"/>
    <w:rsid w:val="007A1078"/>
    <w:rsid w:val="007A137F"/>
    <w:rsid w:val="007A16DB"/>
    <w:rsid w:val="007A223F"/>
    <w:rsid w:val="007A2DB4"/>
    <w:rsid w:val="007A3B67"/>
    <w:rsid w:val="007A60EE"/>
    <w:rsid w:val="007A6F5E"/>
    <w:rsid w:val="007A7162"/>
    <w:rsid w:val="007A727A"/>
    <w:rsid w:val="007A7961"/>
    <w:rsid w:val="007B1498"/>
    <w:rsid w:val="007B15D4"/>
    <w:rsid w:val="007B1A31"/>
    <w:rsid w:val="007B1ABE"/>
    <w:rsid w:val="007B1C77"/>
    <w:rsid w:val="007B2A77"/>
    <w:rsid w:val="007B2AC2"/>
    <w:rsid w:val="007B2B4B"/>
    <w:rsid w:val="007B2D86"/>
    <w:rsid w:val="007B2F5C"/>
    <w:rsid w:val="007B31E8"/>
    <w:rsid w:val="007B3395"/>
    <w:rsid w:val="007B4101"/>
    <w:rsid w:val="007B41C3"/>
    <w:rsid w:val="007B453E"/>
    <w:rsid w:val="007B549C"/>
    <w:rsid w:val="007B54B5"/>
    <w:rsid w:val="007B5921"/>
    <w:rsid w:val="007B5925"/>
    <w:rsid w:val="007B5D7B"/>
    <w:rsid w:val="007B5FA5"/>
    <w:rsid w:val="007B6118"/>
    <w:rsid w:val="007B69A9"/>
    <w:rsid w:val="007B6E81"/>
    <w:rsid w:val="007C1E09"/>
    <w:rsid w:val="007C22E6"/>
    <w:rsid w:val="007C2527"/>
    <w:rsid w:val="007C3631"/>
    <w:rsid w:val="007C3991"/>
    <w:rsid w:val="007C3CAF"/>
    <w:rsid w:val="007C4096"/>
    <w:rsid w:val="007C488C"/>
    <w:rsid w:val="007C55DA"/>
    <w:rsid w:val="007C6B46"/>
    <w:rsid w:val="007C6D0B"/>
    <w:rsid w:val="007C7055"/>
    <w:rsid w:val="007C72B6"/>
    <w:rsid w:val="007C7986"/>
    <w:rsid w:val="007C7E33"/>
    <w:rsid w:val="007D0162"/>
    <w:rsid w:val="007D0218"/>
    <w:rsid w:val="007D074A"/>
    <w:rsid w:val="007D15E4"/>
    <w:rsid w:val="007D17F5"/>
    <w:rsid w:val="007D1F91"/>
    <w:rsid w:val="007D1FED"/>
    <w:rsid w:val="007D27C3"/>
    <w:rsid w:val="007D2A69"/>
    <w:rsid w:val="007D36A9"/>
    <w:rsid w:val="007D4A4E"/>
    <w:rsid w:val="007D5717"/>
    <w:rsid w:val="007D5D47"/>
    <w:rsid w:val="007D6415"/>
    <w:rsid w:val="007D6917"/>
    <w:rsid w:val="007D6F3B"/>
    <w:rsid w:val="007D7027"/>
    <w:rsid w:val="007D747F"/>
    <w:rsid w:val="007D769F"/>
    <w:rsid w:val="007E071E"/>
    <w:rsid w:val="007E07EB"/>
    <w:rsid w:val="007E0C6D"/>
    <w:rsid w:val="007E17FF"/>
    <w:rsid w:val="007E1FEE"/>
    <w:rsid w:val="007E3A16"/>
    <w:rsid w:val="007E4CB8"/>
    <w:rsid w:val="007E4F70"/>
    <w:rsid w:val="007E70F4"/>
    <w:rsid w:val="007F013C"/>
    <w:rsid w:val="007F0970"/>
    <w:rsid w:val="007F0AB9"/>
    <w:rsid w:val="007F0C90"/>
    <w:rsid w:val="007F0CA0"/>
    <w:rsid w:val="007F1663"/>
    <w:rsid w:val="007F1C9B"/>
    <w:rsid w:val="007F22F4"/>
    <w:rsid w:val="007F31CF"/>
    <w:rsid w:val="007F3991"/>
    <w:rsid w:val="007F56CD"/>
    <w:rsid w:val="007F597C"/>
    <w:rsid w:val="007F641E"/>
    <w:rsid w:val="007F6656"/>
    <w:rsid w:val="007F67A6"/>
    <w:rsid w:val="007F7B3B"/>
    <w:rsid w:val="007F7D07"/>
    <w:rsid w:val="00800501"/>
    <w:rsid w:val="00800CF2"/>
    <w:rsid w:val="00800F8F"/>
    <w:rsid w:val="0080135C"/>
    <w:rsid w:val="0080324C"/>
    <w:rsid w:val="00803460"/>
    <w:rsid w:val="008034C1"/>
    <w:rsid w:val="00804628"/>
    <w:rsid w:val="00804EC1"/>
    <w:rsid w:val="008050A0"/>
    <w:rsid w:val="0080514E"/>
    <w:rsid w:val="00805F91"/>
    <w:rsid w:val="0080636E"/>
    <w:rsid w:val="008066F2"/>
    <w:rsid w:val="00806DEF"/>
    <w:rsid w:val="0080754D"/>
    <w:rsid w:val="00807985"/>
    <w:rsid w:val="00807A63"/>
    <w:rsid w:val="00807C5F"/>
    <w:rsid w:val="00810043"/>
    <w:rsid w:val="00811351"/>
    <w:rsid w:val="008120B5"/>
    <w:rsid w:val="00812A2F"/>
    <w:rsid w:val="00813031"/>
    <w:rsid w:val="00813776"/>
    <w:rsid w:val="00815269"/>
    <w:rsid w:val="00815405"/>
    <w:rsid w:val="0081545E"/>
    <w:rsid w:val="00815937"/>
    <w:rsid w:val="00815E9A"/>
    <w:rsid w:val="0081614B"/>
    <w:rsid w:val="0081626F"/>
    <w:rsid w:val="00816780"/>
    <w:rsid w:val="008176A3"/>
    <w:rsid w:val="00820022"/>
    <w:rsid w:val="008200B1"/>
    <w:rsid w:val="00820529"/>
    <w:rsid w:val="00820E44"/>
    <w:rsid w:val="008214FB"/>
    <w:rsid w:val="00822A39"/>
    <w:rsid w:val="008231DB"/>
    <w:rsid w:val="008234EB"/>
    <w:rsid w:val="008239B8"/>
    <w:rsid w:val="00823F74"/>
    <w:rsid w:val="00824052"/>
    <w:rsid w:val="00825A4E"/>
    <w:rsid w:val="00825C58"/>
    <w:rsid w:val="00825F4E"/>
    <w:rsid w:val="00826342"/>
    <w:rsid w:val="00826755"/>
    <w:rsid w:val="00826B16"/>
    <w:rsid w:val="00827558"/>
    <w:rsid w:val="00827BAA"/>
    <w:rsid w:val="00830A23"/>
    <w:rsid w:val="00830D9B"/>
    <w:rsid w:val="00832433"/>
    <w:rsid w:val="008325C5"/>
    <w:rsid w:val="00833378"/>
    <w:rsid w:val="00833BA8"/>
    <w:rsid w:val="00833D53"/>
    <w:rsid w:val="008357C0"/>
    <w:rsid w:val="00835F25"/>
    <w:rsid w:val="00836081"/>
    <w:rsid w:val="008363D4"/>
    <w:rsid w:val="0083695E"/>
    <w:rsid w:val="00836D89"/>
    <w:rsid w:val="00840654"/>
    <w:rsid w:val="00840B07"/>
    <w:rsid w:val="00840B85"/>
    <w:rsid w:val="00842099"/>
    <w:rsid w:val="00842478"/>
    <w:rsid w:val="008432AA"/>
    <w:rsid w:val="00844567"/>
    <w:rsid w:val="008448B5"/>
    <w:rsid w:val="00844AC3"/>
    <w:rsid w:val="008450FE"/>
    <w:rsid w:val="0084559B"/>
    <w:rsid w:val="00845883"/>
    <w:rsid w:val="00845A54"/>
    <w:rsid w:val="00845CF3"/>
    <w:rsid w:val="00845D07"/>
    <w:rsid w:val="00845E4B"/>
    <w:rsid w:val="008467D8"/>
    <w:rsid w:val="00847954"/>
    <w:rsid w:val="00847961"/>
    <w:rsid w:val="00847E68"/>
    <w:rsid w:val="008508D4"/>
    <w:rsid w:val="00850DD0"/>
    <w:rsid w:val="008514B6"/>
    <w:rsid w:val="00851652"/>
    <w:rsid w:val="00851ED6"/>
    <w:rsid w:val="00852920"/>
    <w:rsid w:val="00852AF5"/>
    <w:rsid w:val="0085328F"/>
    <w:rsid w:val="00853A44"/>
    <w:rsid w:val="00853B68"/>
    <w:rsid w:val="00853C71"/>
    <w:rsid w:val="00853CBB"/>
    <w:rsid w:val="00855DA8"/>
    <w:rsid w:val="0085666B"/>
    <w:rsid w:val="00856B47"/>
    <w:rsid w:val="0085703C"/>
    <w:rsid w:val="00857389"/>
    <w:rsid w:val="008573A8"/>
    <w:rsid w:val="00857FE8"/>
    <w:rsid w:val="00860486"/>
    <w:rsid w:val="00861232"/>
    <w:rsid w:val="00861BB2"/>
    <w:rsid w:val="008625B2"/>
    <w:rsid w:val="00862999"/>
    <w:rsid w:val="00862CBB"/>
    <w:rsid w:val="00863062"/>
    <w:rsid w:val="0086311D"/>
    <w:rsid w:val="00863A67"/>
    <w:rsid w:val="00863AEB"/>
    <w:rsid w:val="00863E77"/>
    <w:rsid w:val="00864DB4"/>
    <w:rsid w:val="0086552C"/>
    <w:rsid w:val="00865975"/>
    <w:rsid w:val="008669E7"/>
    <w:rsid w:val="00866E87"/>
    <w:rsid w:val="00867068"/>
    <w:rsid w:val="008670A0"/>
    <w:rsid w:val="00867692"/>
    <w:rsid w:val="00867874"/>
    <w:rsid w:val="00867EB4"/>
    <w:rsid w:val="00867FF7"/>
    <w:rsid w:val="00871300"/>
    <w:rsid w:val="00871EB5"/>
    <w:rsid w:val="008721C7"/>
    <w:rsid w:val="0087278B"/>
    <w:rsid w:val="00872D23"/>
    <w:rsid w:val="008738EB"/>
    <w:rsid w:val="00873D8D"/>
    <w:rsid w:val="008745A4"/>
    <w:rsid w:val="0087475C"/>
    <w:rsid w:val="00874B40"/>
    <w:rsid w:val="00874DED"/>
    <w:rsid w:val="00874F0B"/>
    <w:rsid w:val="00875CA6"/>
    <w:rsid w:val="00875FC6"/>
    <w:rsid w:val="008763C8"/>
    <w:rsid w:val="0087678E"/>
    <w:rsid w:val="008809AD"/>
    <w:rsid w:val="00880AC9"/>
    <w:rsid w:val="008811DB"/>
    <w:rsid w:val="008814F8"/>
    <w:rsid w:val="00881815"/>
    <w:rsid w:val="00881891"/>
    <w:rsid w:val="00881DDF"/>
    <w:rsid w:val="0088211E"/>
    <w:rsid w:val="00883681"/>
    <w:rsid w:val="00883933"/>
    <w:rsid w:val="00883DAF"/>
    <w:rsid w:val="00883E6E"/>
    <w:rsid w:val="0088401F"/>
    <w:rsid w:val="0088419E"/>
    <w:rsid w:val="0088439F"/>
    <w:rsid w:val="00884799"/>
    <w:rsid w:val="00885374"/>
    <w:rsid w:val="0088639E"/>
    <w:rsid w:val="00886933"/>
    <w:rsid w:val="0088693D"/>
    <w:rsid w:val="0088776F"/>
    <w:rsid w:val="00887A36"/>
    <w:rsid w:val="008901F7"/>
    <w:rsid w:val="00890DAA"/>
    <w:rsid w:val="008912E0"/>
    <w:rsid w:val="008914CB"/>
    <w:rsid w:val="0089256D"/>
    <w:rsid w:val="00892F78"/>
    <w:rsid w:val="008937FE"/>
    <w:rsid w:val="00895289"/>
    <w:rsid w:val="008957B5"/>
    <w:rsid w:val="008958EA"/>
    <w:rsid w:val="00895967"/>
    <w:rsid w:val="00895985"/>
    <w:rsid w:val="008959D2"/>
    <w:rsid w:val="00895FA1"/>
    <w:rsid w:val="008969B3"/>
    <w:rsid w:val="00897644"/>
    <w:rsid w:val="00897FE5"/>
    <w:rsid w:val="008A000C"/>
    <w:rsid w:val="008A032C"/>
    <w:rsid w:val="008A09E1"/>
    <w:rsid w:val="008A1DA8"/>
    <w:rsid w:val="008A2D68"/>
    <w:rsid w:val="008A2E68"/>
    <w:rsid w:val="008A3092"/>
    <w:rsid w:val="008A41DA"/>
    <w:rsid w:val="008A4210"/>
    <w:rsid w:val="008A4DC4"/>
    <w:rsid w:val="008A5056"/>
    <w:rsid w:val="008A519C"/>
    <w:rsid w:val="008A51AC"/>
    <w:rsid w:val="008A5AF0"/>
    <w:rsid w:val="008A614F"/>
    <w:rsid w:val="008A6882"/>
    <w:rsid w:val="008B02D5"/>
    <w:rsid w:val="008B1D59"/>
    <w:rsid w:val="008B2C4B"/>
    <w:rsid w:val="008B46DE"/>
    <w:rsid w:val="008B4D73"/>
    <w:rsid w:val="008B4EF4"/>
    <w:rsid w:val="008B501B"/>
    <w:rsid w:val="008B50E5"/>
    <w:rsid w:val="008B5807"/>
    <w:rsid w:val="008B60B5"/>
    <w:rsid w:val="008B6974"/>
    <w:rsid w:val="008B6A51"/>
    <w:rsid w:val="008B6DB0"/>
    <w:rsid w:val="008B6E75"/>
    <w:rsid w:val="008B6E78"/>
    <w:rsid w:val="008B7393"/>
    <w:rsid w:val="008B76DD"/>
    <w:rsid w:val="008B7938"/>
    <w:rsid w:val="008B7DCB"/>
    <w:rsid w:val="008C0412"/>
    <w:rsid w:val="008C0930"/>
    <w:rsid w:val="008C095A"/>
    <w:rsid w:val="008C0AB3"/>
    <w:rsid w:val="008C17BE"/>
    <w:rsid w:val="008C1AA2"/>
    <w:rsid w:val="008C1B55"/>
    <w:rsid w:val="008C1BD6"/>
    <w:rsid w:val="008C230B"/>
    <w:rsid w:val="008C27DF"/>
    <w:rsid w:val="008C2CCE"/>
    <w:rsid w:val="008C2E13"/>
    <w:rsid w:val="008C433F"/>
    <w:rsid w:val="008C452F"/>
    <w:rsid w:val="008C51AE"/>
    <w:rsid w:val="008C5348"/>
    <w:rsid w:val="008C5BAF"/>
    <w:rsid w:val="008C6142"/>
    <w:rsid w:val="008C642C"/>
    <w:rsid w:val="008C65A4"/>
    <w:rsid w:val="008C6BF1"/>
    <w:rsid w:val="008C7505"/>
    <w:rsid w:val="008D02CF"/>
    <w:rsid w:val="008D0BDF"/>
    <w:rsid w:val="008D16D9"/>
    <w:rsid w:val="008D170F"/>
    <w:rsid w:val="008D1D25"/>
    <w:rsid w:val="008D1D3A"/>
    <w:rsid w:val="008D2119"/>
    <w:rsid w:val="008D2655"/>
    <w:rsid w:val="008D2D93"/>
    <w:rsid w:val="008D3E95"/>
    <w:rsid w:val="008D3FE1"/>
    <w:rsid w:val="008D5FC5"/>
    <w:rsid w:val="008D6118"/>
    <w:rsid w:val="008D6BD8"/>
    <w:rsid w:val="008D74AC"/>
    <w:rsid w:val="008D74FC"/>
    <w:rsid w:val="008E0349"/>
    <w:rsid w:val="008E08E1"/>
    <w:rsid w:val="008E132E"/>
    <w:rsid w:val="008E199B"/>
    <w:rsid w:val="008E1B85"/>
    <w:rsid w:val="008E1CE3"/>
    <w:rsid w:val="008E1F5A"/>
    <w:rsid w:val="008E2096"/>
    <w:rsid w:val="008E243B"/>
    <w:rsid w:val="008E26D2"/>
    <w:rsid w:val="008E302A"/>
    <w:rsid w:val="008E34F2"/>
    <w:rsid w:val="008E3B07"/>
    <w:rsid w:val="008E4310"/>
    <w:rsid w:val="008E5CC9"/>
    <w:rsid w:val="008E5F25"/>
    <w:rsid w:val="008E7458"/>
    <w:rsid w:val="008F1441"/>
    <w:rsid w:val="008F257D"/>
    <w:rsid w:val="008F2725"/>
    <w:rsid w:val="008F28C7"/>
    <w:rsid w:val="008F2A85"/>
    <w:rsid w:val="008F2F40"/>
    <w:rsid w:val="008F39E0"/>
    <w:rsid w:val="008F439F"/>
    <w:rsid w:val="008F5D2A"/>
    <w:rsid w:val="008F6167"/>
    <w:rsid w:val="008F61B9"/>
    <w:rsid w:val="008F6840"/>
    <w:rsid w:val="008F7CB2"/>
    <w:rsid w:val="00900775"/>
    <w:rsid w:val="009007BC"/>
    <w:rsid w:val="00900D97"/>
    <w:rsid w:val="009014A7"/>
    <w:rsid w:val="0090216F"/>
    <w:rsid w:val="00902693"/>
    <w:rsid w:val="009031FE"/>
    <w:rsid w:val="0090334F"/>
    <w:rsid w:val="00903B76"/>
    <w:rsid w:val="009043D6"/>
    <w:rsid w:val="009050C0"/>
    <w:rsid w:val="0090668C"/>
    <w:rsid w:val="009070F4"/>
    <w:rsid w:val="009072A8"/>
    <w:rsid w:val="00910898"/>
    <w:rsid w:val="00910ABE"/>
    <w:rsid w:val="00910C90"/>
    <w:rsid w:val="0091105D"/>
    <w:rsid w:val="00911490"/>
    <w:rsid w:val="0091183A"/>
    <w:rsid w:val="00911F57"/>
    <w:rsid w:val="00912205"/>
    <w:rsid w:val="009127D5"/>
    <w:rsid w:val="0091299A"/>
    <w:rsid w:val="0091371D"/>
    <w:rsid w:val="009144E5"/>
    <w:rsid w:val="00914C9F"/>
    <w:rsid w:val="00915458"/>
    <w:rsid w:val="00915D3D"/>
    <w:rsid w:val="00915D69"/>
    <w:rsid w:val="00916836"/>
    <w:rsid w:val="00916999"/>
    <w:rsid w:val="00916F06"/>
    <w:rsid w:val="00917BB4"/>
    <w:rsid w:val="00920571"/>
    <w:rsid w:val="00920ACD"/>
    <w:rsid w:val="00920D34"/>
    <w:rsid w:val="00921000"/>
    <w:rsid w:val="009213D4"/>
    <w:rsid w:val="009219C4"/>
    <w:rsid w:val="00921D92"/>
    <w:rsid w:val="00922B0F"/>
    <w:rsid w:val="00922BE8"/>
    <w:rsid w:val="00922C2A"/>
    <w:rsid w:val="00922E08"/>
    <w:rsid w:val="00923070"/>
    <w:rsid w:val="009234FE"/>
    <w:rsid w:val="00924813"/>
    <w:rsid w:val="009254DE"/>
    <w:rsid w:val="00925AE9"/>
    <w:rsid w:val="00925F6C"/>
    <w:rsid w:val="0093078E"/>
    <w:rsid w:val="0093134F"/>
    <w:rsid w:val="009314F1"/>
    <w:rsid w:val="00931757"/>
    <w:rsid w:val="00932124"/>
    <w:rsid w:val="009336C5"/>
    <w:rsid w:val="00933D1A"/>
    <w:rsid w:val="009340C5"/>
    <w:rsid w:val="00936235"/>
    <w:rsid w:val="00936608"/>
    <w:rsid w:val="00937B69"/>
    <w:rsid w:val="00940620"/>
    <w:rsid w:val="0094139F"/>
    <w:rsid w:val="0094410A"/>
    <w:rsid w:val="009459C3"/>
    <w:rsid w:val="00945CC2"/>
    <w:rsid w:val="0094727F"/>
    <w:rsid w:val="00947AF8"/>
    <w:rsid w:val="00947B60"/>
    <w:rsid w:val="00947F4D"/>
    <w:rsid w:val="009511EA"/>
    <w:rsid w:val="00951274"/>
    <w:rsid w:val="0095227A"/>
    <w:rsid w:val="00952519"/>
    <w:rsid w:val="009531E7"/>
    <w:rsid w:val="009539B6"/>
    <w:rsid w:val="00953CC0"/>
    <w:rsid w:val="0095483E"/>
    <w:rsid w:val="00954A13"/>
    <w:rsid w:val="00956337"/>
    <w:rsid w:val="009575C4"/>
    <w:rsid w:val="0096086A"/>
    <w:rsid w:val="00960F07"/>
    <w:rsid w:val="0096105A"/>
    <w:rsid w:val="009617FA"/>
    <w:rsid w:val="00961CAA"/>
    <w:rsid w:val="00961EAB"/>
    <w:rsid w:val="00962148"/>
    <w:rsid w:val="00962510"/>
    <w:rsid w:val="00963076"/>
    <w:rsid w:val="00963257"/>
    <w:rsid w:val="00963EF3"/>
    <w:rsid w:val="009646C3"/>
    <w:rsid w:val="00964822"/>
    <w:rsid w:val="009648F9"/>
    <w:rsid w:val="00964F9D"/>
    <w:rsid w:val="009657FF"/>
    <w:rsid w:val="00965CE7"/>
    <w:rsid w:val="00965E7B"/>
    <w:rsid w:val="00966D7A"/>
    <w:rsid w:val="00966E75"/>
    <w:rsid w:val="009672FA"/>
    <w:rsid w:val="00967397"/>
    <w:rsid w:val="00967818"/>
    <w:rsid w:val="00967F04"/>
    <w:rsid w:val="00970084"/>
    <w:rsid w:val="00970873"/>
    <w:rsid w:val="00970DD1"/>
    <w:rsid w:val="00970E83"/>
    <w:rsid w:val="00971142"/>
    <w:rsid w:val="00971905"/>
    <w:rsid w:val="00972464"/>
    <w:rsid w:val="00972654"/>
    <w:rsid w:val="0097303E"/>
    <w:rsid w:val="00973115"/>
    <w:rsid w:val="00973325"/>
    <w:rsid w:val="0097385C"/>
    <w:rsid w:val="00973F9A"/>
    <w:rsid w:val="00974918"/>
    <w:rsid w:val="00974E27"/>
    <w:rsid w:val="009751EB"/>
    <w:rsid w:val="00975C4D"/>
    <w:rsid w:val="009762C5"/>
    <w:rsid w:val="009762EE"/>
    <w:rsid w:val="0097654C"/>
    <w:rsid w:val="009766E0"/>
    <w:rsid w:val="00976D5C"/>
    <w:rsid w:val="0097707D"/>
    <w:rsid w:val="0097725B"/>
    <w:rsid w:val="00981225"/>
    <w:rsid w:val="009812B8"/>
    <w:rsid w:val="009816C0"/>
    <w:rsid w:val="00981EDE"/>
    <w:rsid w:val="00981F22"/>
    <w:rsid w:val="00982079"/>
    <w:rsid w:val="00982AA4"/>
    <w:rsid w:val="00982F2E"/>
    <w:rsid w:val="00983AD2"/>
    <w:rsid w:val="009840B7"/>
    <w:rsid w:val="00984247"/>
    <w:rsid w:val="00984B77"/>
    <w:rsid w:val="00985461"/>
    <w:rsid w:val="009856AC"/>
    <w:rsid w:val="00985D3B"/>
    <w:rsid w:val="00986151"/>
    <w:rsid w:val="00986B19"/>
    <w:rsid w:val="00987182"/>
    <w:rsid w:val="009877BC"/>
    <w:rsid w:val="00987A6F"/>
    <w:rsid w:val="009903C0"/>
    <w:rsid w:val="009903D1"/>
    <w:rsid w:val="00990756"/>
    <w:rsid w:val="00990BD4"/>
    <w:rsid w:val="009914E7"/>
    <w:rsid w:val="00991530"/>
    <w:rsid w:val="00991721"/>
    <w:rsid w:val="00991783"/>
    <w:rsid w:val="00991BD9"/>
    <w:rsid w:val="00992F25"/>
    <w:rsid w:val="0099473F"/>
    <w:rsid w:val="009951D8"/>
    <w:rsid w:val="0099576B"/>
    <w:rsid w:val="009959FF"/>
    <w:rsid w:val="00995D69"/>
    <w:rsid w:val="00995DC2"/>
    <w:rsid w:val="00996363"/>
    <w:rsid w:val="00996928"/>
    <w:rsid w:val="00996C9B"/>
    <w:rsid w:val="00997AB8"/>
    <w:rsid w:val="00997BD6"/>
    <w:rsid w:val="009A02BB"/>
    <w:rsid w:val="009A06AA"/>
    <w:rsid w:val="009A0CFA"/>
    <w:rsid w:val="009A1722"/>
    <w:rsid w:val="009A3157"/>
    <w:rsid w:val="009A32AF"/>
    <w:rsid w:val="009A3465"/>
    <w:rsid w:val="009A3CBA"/>
    <w:rsid w:val="009A3FC5"/>
    <w:rsid w:val="009A4FBF"/>
    <w:rsid w:val="009A5337"/>
    <w:rsid w:val="009A5F3F"/>
    <w:rsid w:val="009A7A8E"/>
    <w:rsid w:val="009A7E5F"/>
    <w:rsid w:val="009B0146"/>
    <w:rsid w:val="009B03C3"/>
    <w:rsid w:val="009B040C"/>
    <w:rsid w:val="009B055D"/>
    <w:rsid w:val="009B0996"/>
    <w:rsid w:val="009B1A57"/>
    <w:rsid w:val="009B1CC8"/>
    <w:rsid w:val="009B25D4"/>
    <w:rsid w:val="009B386F"/>
    <w:rsid w:val="009B3942"/>
    <w:rsid w:val="009B3B77"/>
    <w:rsid w:val="009B4017"/>
    <w:rsid w:val="009B4187"/>
    <w:rsid w:val="009B4390"/>
    <w:rsid w:val="009B4744"/>
    <w:rsid w:val="009B4D43"/>
    <w:rsid w:val="009B5E82"/>
    <w:rsid w:val="009B6084"/>
    <w:rsid w:val="009B6254"/>
    <w:rsid w:val="009B63A7"/>
    <w:rsid w:val="009B68A9"/>
    <w:rsid w:val="009B797B"/>
    <w:rsid w:val="009B7CA3"/>
    <w:rsid w:val="009C01FF"/>
    <w:rsid w:val="009C04E3"/>
    <w:rsid w:val="009C0617"/>
    <w:rsid w:val="009C1988"/>
    <w:rsid w:val="009C1C6B"/>
    <w:rsid w:val="009C285C"/>
    <w:rsid w:val="009C301F"/>
    <w:rsid w:val="009C4546"/>
    <w:rsid w:val="009C4A06"/>
    <w:rsid w:val="009C7B62"/>
    <w:rsid w:val="009D115A"/>
    <w:rsid w:val="009D136B"/>
    <w:rsid w:val="009D164C"/>
    <w:rsid w:val="009D1A61"/>
    <w:rsid w:val="009D308C"/>
    <w:rsid w:val="009D379E"/>
    <w:rsid w:val="009D3E48"/>
    <w:rsid w:val="009D44C5"/>
    <w:rsid w:val="009D4F4B"/>
    <w:rsid w:val="009D4F56"/>
    <w:rsid w:val="009D573A"/>
    <w:rsid w:val="009D635F"/>
    <w:rsid w:val="009D7279"/>
    <w:rsid w:val="009D7DC1"/>
    <w:rsid w:val="009E0766"/>
    <w:rsid w:val="009E0C69"/>
    <w:rsid w:val="009E11B7"/>
    <w:rsid w:val="009E2025"/>
    <w:rsid w:val="009E3853"/>
    <w:rsid w:val="009E3DE1"/>
    <w:rsid w:val="009E4B1A"/>
    <w:rsid w:val="009E5DF6"/>
    <w:rsid w:val="009E6030"/>
    <w:rsid w:val="009E6A36"/>
    <w:rsid w:val="009E6C01"/>
    <w:rsid w:val="009E74CF"/>
    <w:rsid w:val="009E763D"/>
    <w:rsid w:val="009E7DAC"/>
    <w:rsid w:val="009F09ED"/>
    <w:rsid w:val="009F1384"/>
    <w:rsid w:val="009F194E"/>
    <w:rsid w:val="009F1B20"/>
    <w:rsid w:val="009F2AE0"/>
    <w:rsid w:val="009F2B1C"/>
    <w:rsid w:val="009F2DEB"/>
    <w:rsid w:val="009F38AA"/>
    <w:rsid w:val="009F3EAA"/>
    <w:rsid w:val="009F50A3"/>
    <w:rsid w:val="009F55FA"/>
    <w:rsid w:val="009F62B0"/>
    <w:rsid w:val="009F6501"/>
    <w:rsid w:val="00A00B52"/>
    <w:rsid w:val="00A0104D"/>
    <w:rsid w:val="00A010B8"/>
    <w:rsid w:val="00A01CA2"/>
    <w:rsid w:val="00A02C61"/>
    <w:rsid w:val="00A02F34"/>
    <w:rsid w:val="00A04610"/>
    <w:rsid w:val="00A04D22"/>
    <w:rsid w:val="00A04E84"/>
    <w:rsid w:val="00A04F0B"/>
    <w:rsid w:val="00A05021"/>
    <w:rsid w:val="00A05847"/>
    <w:rsid w:val="00A06527"/>
    <w:rsid w:val="00A067CE"/>
    <w:rsid w:val="00A06827"/>
    <w:rsid w:val="00A078C3"/>
    <w:rsid w:val="00A07A43"/>
    <w:rsid w:val="00A07B56"/>
    <w:rsid w:val="00A07E0C"/>
    <w:rsid w:val="00A100A3"/>
    <w:rsid w:val="00A105C6"/>
    <w:rsid w:val="00A105E0"/>
    <w:rsid w:val="00A10F20"/>
    <w:rsid w:val="00A1215E"/>
    <w:rsid w:val="00A12499"/>
    <w:rsid w:val="00A13113"/>
    <w:rsid w:val="00A136CC"/>
    <w:rsid w:val="00A1370A"/>
    <w:rsid w:val="00A13A99"/>
    <w:rsid w:val="00A13F4A"/>
    <w:rsid w:val="00A146F3"/>
    <w:rsid w:val="00A14849"/>
    <w:rsid w:val="00A14D7C"/>
    <w:rsid w:val="00A15574"/>
    <w:rsid w:val="00A159FC"/>
    <w:rsid w:val="00A15EF6"/>
    <w:rsid w:val="00A16297"/>
    <w:rsid w:val="00A16A9D"/>
    <w:rsid w:val="00A1779B"/>
    <w:rsid w:val="00A17CDC"/>
    <w:rsid w:val="00A17D8E"/>
    <w:rsid w:val="00A202DD"/>
    <w:rsid w:val="00A20BEE"/>
    <w:rsid w:val="00A20C85"/>
    <w:rsid w:val="00A20CD5"/>
    <w:rsid w:val="00A217A8"/>
    <w:rsid w:val="00A2279A"/>
    <w:rsid w:val="00A22F53"/>
    <w:rsid w:val="00A231B0"/>
    <w:rsid w:val="00A2372C"/>
    <w:rsid w:val="00A23851"/>
    <w:rsid w:val="00A246D5"/>
    <w:rsid w:val="00A25B47"/>
    <w:rsid w:val="00A25BD9"/>
    <w:rsid w:val="00A25BE8"/>
    <w:rsid w:val="00A25CC6"/>
    <w:rsid w:val="00A25D04"/>
    <w:rsid w:val="00A2668D"/>
    <w:rsid w:val="00A26D3F"/>
    <w:rsid w:val="00A26F81"/>
    <w:rsid w:val="00A30883"/>
    <w:rsid w:val="00A30C10"/>
    <w:rsid w:val="00A315ED"/>
    <w:rsid w:val="00A32AC3"/>
    <w:rsid w:val="00A32AFF"/>
    <w:rsid w:val="00A32E31"/>
    <w:rsid w:val="00A33110"/>
    <w:rsid w:val="00A332BB"/>
    <w:rsid w:val="00A33865"/>
    <w:rsid w:val="00A33908"/>
    <w:rsid w:val="00A33A67"/>
    <w:rsid w:val="00A33AF6"/>
    <w:rsid w:val="00A34048"/>
    <w:rsid w:val="00A34435"/>
    <w:rsid w:val="00A354D7"/>
    <w:rsid w:val="00A3551A"/>
    <w:rsid w:val="00A35A73"/>
    <w:rsid w:val="00A35C18"/>
    <w:rsid w:val="00A36A8D"/>
    <w:rsid w:val="00A37654"/>
    <w:rsid w:val="00A37A4B"/>
    <w:rsid w:val="00A40B0A"/>
    <w:rsid w:val="00A40EA1"/>
    <w:rsid w:val="00A40F70"/>
    <w:rsid w:val="00A414FD"/>
    <w:rsid w:val="00A418CC"/>
    <w:rsid w:val="00A41FD4"/>
    <w:rsid w:val="00A432A5"/>
    <w:rsid w:val="00A43B12"/>
    <w:rsid w:val="00A44038"/>
    <w:rsid w:val="00A44148"/>
    <w:rsid w:val="00A441E5"/>
    <w:rsid w:val="00A45460"/>
    <w:rsid w:val="00A454B3"/>
    <w:rsid w:val="00A45686"/>
    <w:rsid w:val="00A459EE"/>
    <w:rsid w:val="00A46F38"/>
    <w:rsid w:val="00A476E4"/>
    <w:rsid w:val="00A50066"/>
    <w:rsid w:val="00A508DD"/>
    <w:rsid w:val="00A50A0C"/>
    <w:rsid w:val="00A50E1C"/>
    <w:rsid w:val="00A52A2D"/>
    <w:rsid w:val="00A53491"/>
    <w:rsid w:val="00A53593"/>
    <w:rsid w:val="00A5394A"/>
    <w:rsid w:val="00A5460F"/>
    <w:rsid w:val="00A54749"/>
    <w:rsid w:val="00A54758"/>
    <w:rsid w:val="00A552A0"/>
    <w:rsid w:val="00A55401"/>
    <w:rsid w:val="00A5586B"/>
    <w:rsid w:val="00A56918"/>
    <w:rsid w:val="00A56CDB"/>
    <w:rsid w:val="00A57020"/>
    <w:rsid w:val="00A57900"/>
    <w:rsid w:val="00A6007C"/>
    <w:rsid w:val="00A606AF"/>
    <w:rsid w:val="00A609DC"/>
    <w:rsid w:val="00A6136E"/>
    <w:rsid w:val="00A61CD7"/>
    <w:rsid w:val="00A621BE"/>
    <w:rsid w:val="00A62EEB"/>
    <w:rsid w:val="00A630C6"/>
    <w:rsid w:val="00A632F0"/>
    <w:rsid w:val="00A63EEF"/>
    <w:rsid w:val="00A63F51"/>
    <w:rsid w:val="00A645CD"/>
    <w:rsid w:val="00A64CFF"/>
    <w:rsid w:val="00A65110"/>
    <w:rsid w:val="00A65D83"/>
    <w:rsid w:val="00A6600B"/>
    <w:rsid w:val="00A665C4"/>
    <w:rsid w:val="00A669E9"/>
    <w:rsid w:val="00A66B18"/>
    <w:rsid w:val="00A67033"/>
    <w:rsid w:val="00A672D2"/>
    <w:rsid w:val="00A67FDD"/>
    <w:rsid w:val="00A716A2"/>
    <w:rsid w:val="00A71E49"/>
    <w:rsid w:val="00A744BC"/>
    <w:rsid w:val="00A756A6"/>
    <w:rsid w:val="00A75C45"/>
    <w:rsid w:val="00A76207"/>
    <w:rsid w:val="00A76314"/>
    <w:rsid w:val="00A76BE7"/>
    <w:rsid w:val="00A77592"/>
    <w:rsid w:val="00A7783A"/>
    <w:rsid w:val="00A77A5A"/>
    <w:rsid w:val="00A77AB6"/>
    <w:rsid w:val="00A77C2D"/>
    <w:rsid w:val="00A80AD6"/>
    <w:rsid w:val="00A81583"/>
    <w:rsid w:val="00A8164B"/>
    <w:rsid w:val="00A81BC9"/>
    <w:rsid w:val="00A8228C"/>
    <w:rsid w:val="00A82308"/>
    <w:rsid w:val="00A8307F"/>
    <w:rsid w:val="00A83BAE"/>
    <w:rsid w:val="00A84318"/>
    <w:rsid w:val="00A8450E"/>
    <w:rsid w:val="00A84A46"/>
    <w:rsid w:val="00A84DF4"/>
    <w:rsid w:val="00A855BE"/>
    <w:rsid w:val="00A8678D"/>
    <w:rsid w:val="00A86910"/>
    <w:rsid w:val="00A86B64"/>
    <w:rsid w:val="00A86F45"/>
    <w:rsid w:val="00A87033"/>
    <w:rsid w:val="00A87A4B"/>
    <w:rsid w:val="00A9096F"/>
    <w:rsid w:val="00A90F73"/>
    <w:rsid w:val="00A91E3A"/>
    <w:rsid w:val="00A927F2"/>
    <w:rsid w:val="00A927F7"/>
    <w:rsid w:val="00A929FE"/>
    <w:rsid w:val="00A9305D"/>
    <w:rsid w:val="00A9376C"/>
    <w:rsid w:val="00A94618"/>
    <w:rsid w:val="00A9471A"/>
    <w:rsid w:val="00A948EA"/>
    <w:rsid w:val="00A94CBA"/>
    <w:rsid w:val="00A94E04"/>
    <w:rsid w:val="00A95281"/>
    <w:rsid w:val="00A9659E"/>
    <w:rsid w:val="00A9667D"/>
    <w:rsid w:val="00A96709"/>
    <w:rsid w:val="00A96791"/>
    <w:rsid w:val="00A96B8F"/>
    <w:rsid w:val="00A97676"/>
    <w:rsid w:val="00AA04E5"/>
    <w:rsid w:val="00AA078C"/>
    <w:rsid w:val="00AA09EB"/>
    <w:rsid w:val="00AA140E"/>
    <w:rsid w:val="00AA2581"/>
    <w:rsid w:val="00AA288F"/>
    <w:rsid w:val="00AA2CE7"/>
    <w:rsid w:val="00AA333D"/>
    <w:rsid w:val="00AA36E1"/>
    <w:rsid w:val="00AA420D"/>
    <w:rsid w:val="00AA42F3"/>
    <w:rsid w:val="00AA434D"/>
    <w:rsid w:val="00AA43A4"/>
    <w:rsid w:val="00AA4658"/>
    <w:rsid w:val="00AA4969"/>
    <w:rsid w:val="00AA4D7C"/>
    <w:rsid w:val="00AA5076"/>
    <w:rsid w:val="00AA56BF"/>
    <w:rsid w:val="00AA605E"/>
    <w:rsid w:val="00AA61AC"/>
    <w:rsid w:val="00AA6376"/>
    <w:rsid w:val="00AA6573"/>
    <w:rsid w:val="00AA6860"/>
    <w:rsid w:val="00AA6A98"/>
    <w:rsid w:val="00AA7160"/>
    <w:rsid w:val="00AA720A"/>
    <w:rsid w:val="00AA735A"/>
    <w:rsid w:val="00AA7816"/>
    <w:rsid w:val="00AA7F9F"/>
    <w:rsid w:val="00AB16F7"/>
    <w:rsid w:val="00AB1741"/>
    <w:rsid w:val="00AB19DD"/>
    <w:rsid w:val="00AB24D5"/>
    <w:rsid w:val="00AB274C"/>
    <w:rsid w:val="00AB447D"/>
    <w:rsid w:val="00AB4C33"/>
    <w:rsid w:val="00AB4F7B"/>
    <w:rsid w:val="00AB6047"/>
    <w:rsid w:val="00AB72F1"/>
    <w:rsid w:val="00AB75CE"/>
    <w:rsid w:val="00AC01F2"/>
    <w:rsid w:val="00AC0200"/>
    <w:rsid w:val="00AC0A55"/>
    <w:rsid w:val="00AC105E"/>
    <w:rsid w:val="00AC10FA"/>
    <w:rsid w:val="00AC183A"/>
    <w:rsid w:val="00AC1ABD"/>
    <w:rsid w:val="00AC1DDC"/>
    <w:rsid w:val="00AC25EF"/>
    <w:rsid w:val="00AC2693"/>
    <w:rsid w:val="00AC3493"/>
    <w:rsid w:val="00AC3D86"/>
    <w:rsid w:val="00AC3E33"/>
    <w:rsid w:val="00AC3F61"/>
    <w:rsid w:val="00AC4313"/>
    <w:rsid w:val="00AC4FD4"/>
    <w:rsid w:val="00AC6311"/>
    <w:rsid w:val="00AC7095"/>
    <w:rsid w:val="00AC7638"/>
    <w:rsid w:val="00AC7D9C"/>
    <w:rsid w:val="00AD0139"/>
    <w:rsid w:val="00AD0697"/>
    <w:rsid w:val="00AD12C4"/>
    <w:rsid w:val="00AD137A"/>
    <w:rsid w:val="00AD1434"/>
    <w:rsid w:val="00AD1586"/>
    <w:rsid w:val="00AD1765"/>
    <w:rsid w:val="00AD18D4"/>
    <w:rsid w:val="00AD1EF9"/>
    <w:rsid w:val="00AD243F"/>
    <w:rsid w:val="00AD28D0"/>
    <w:rsid w:val="00AD2AEC"/>
    <w:rsid w:val="00AD2DA9"/>
    <w:rsid w:val="00AD341F"/>
    <w:rsid w:val="00AD3949"/>
    <w:rsid w:val="00AD4157"/>
    <w:rsid w:val="00AD458C"/>
    <w:rsid w:val="00AD4E2E"/>
    <w:rsid w:val="00AD5E59"/>
    <w:rsid w:val="00AD6080"/>
    <w:rsid w:val="00AD642D"/>
    <w:rsid w:val="00AD69EC"/>
    <w:rsid w:val="00AD733E"/>
    <w:rsid w:val="00AD74E9"/>
    <w:rsid w:val="00AD7954"/>
    <w:rsid w:val="00AE01D8"/>
    <w:rsid w:val="00AE1AFD"/>
    <w:rsid w:val="00AE1E71"/>
    <w:rsid w:val="00AE218A"/>
    <w:rsid w:val="00AE26FF"/>
    <w:rsid w:val="00AE3497"/>
    <w:rsid w:val="00AE34B4"/>
    <w:rsid w:val="00AE485A"/>
    <w:rsid w:val="00AE559C"/>
    <w:rsid w:val="00AE5E41"/>
    <w:rsid w:val="00AE63C7"/>
    <w:rsid w:val="00AE6F2A"/>
    <w:rsid w:val="00AE7814"/>
    <w:rsid w:val="00AE7843"/>
    <w:rsid w:val="00AF0022"/>
    <w:rsid w:val="00AF0348"/>
    <w:rsid w:val="00AF0EB2"/>
    <w:rsid w:val="00AF0F82"/>
    <w:rsid w:val="00AF191D"/>
    <w:rsid w:val="00AF1A64"/>
    <w:rsid w:val="00AF2418"/>
    <w:rsid w:val="00AF254C"/>
    <w:rsid w:val="00AF353B"/>
    <w:rsid w:val="00AF3C2E"/>
    <w:rsid w:val="00AF3D55"/>
    <w:rsid w:val="00AF3F7A"/>
    <w:rsid w:val="00AF4D9A"/>
    <w:rsid w:val="00AF4EB7"/>
    <w:rsid w:val="00AF5F7D"/>
    <w:rsid w:val="00AF65EC"/>
    <w:rsid w:val="00AF6C0E"/>
    <w:rsid w:val="00AF7364"/>
    <w:rsid w:val="00AF7775"/>
    <w:rsid w:val="00AF7C62"/>
    <w:rsid w:val="00AF7C6F"/>
    <w:rsid w:val="00B00CCC"/>
    <w:rsid w:val="00B00E40"/>
    <w:rsid w:val="00B01003"/>
    <w:rsid w:val="00B010C1"/>
    <w:rsid w:val="00B01F11"/>
    <w:rsid w:val="00B02FCD"/>
    <w:rsid w:val="00B03C4E"/>
    <w:rsid w:val="00B0478D"/>
    <w:rsid w:val="00B04958"/>
    <w:rsid w:val="00B04A1E"/>
    <w:rsid w:val="00B04AF6"/>
    <w:rsid w:val="00B05032"/>
    <w:rsid w:val="00B05607"/>
    <w:rsid w:val="00B07CE3"/>
    <w:rsid w:val="00B10609"/>
    <w:rsid w:val="00B10BCB"/>
    <w:rsid w:val="00B10BD1"/>
    <w:rsid w:val="00B10FF5"/>
    <w:rsid w:val="00B11933"/>
    <w:rsid w:val="00B11B0E"/>
    <w:rsid w:val="00B12161"/>
    <w:rsid w:val="00B131CC"/>
    <w:rsid w:val="00B141A4"/>
    <w:rsid w:val="00B14AFC"/>
    <w:rsid w:val="00B15812"/>
    <w:rsid w:val="00B15E92"/>
    <w:rsid w:val="00B163D3"/>
    <w:rsid w:val="00B16EE3"/>
    <w:rsid w:val="00B1723A"/>
    <w:rsid w:val="00B17DBA"/>
    <w:rsid w:val="00B17EB1"/>
    <w:rsid w:val="00B20A47"/>
    <w:rsid w:val="00B20E77"/>
    <w:rsid w:val="00B213C1"/>
    <w:rsid w:val="00B2206F"/>
    <w:rsid w:val="00B22841"/>
    <w:rsid w:val="00B23518"/>
    <w:rsid w:val="00B237D1"/>
    <w:rsid w:val="00B23AAE"/>
    <w:rsid w:val="00B24CC5"/>
    <w:rsid w:val="00B25CA0"/>
    <w:rsid w:val="00B25F4D"/>
    <w:rsid w:val="00B268E8"/>
    <w:rsid w:val="00B269B4"/>
    <w:rsid w:val="00B27124"/>
    <w:rsid w:val="00B27457"/>
    <w:rsid w:val="00B27C3C"/>
    <w:rsid w:val="00B300F4"/>
    <w:rsid w:val="00B316C8"/>
    <w:rsid w:val="00B31D2C"/>
    <w:rsid w:val="00B31E24"/>
    <w:rsid w:val="00B31F9E"/>
    <w:rsid w:val="00B32391"/>
    <w:rsid w:val="00B328CB"/>
    <w:rsid w:val="00B32DE9"/>
    <w:rsid w:val="00B331F4"/>
    <w:rsid w:val="00B33B47"/>
    <w:rsid w:val="00B34BBE"/>
    <w:rsid w:val="00B34F46"/>
    <w:rsid w:val="00B350A4"/>
    <w:rsid w:val="00B35529"/>
    <w:rsid w:val="00B36D2B"/>
    <w:rsid w:val="00B36ED9"/>
    <w:rsid w:val="00B4037F"/>
    <w:rsid w:val="00B40562"/>
    <w:rsid w:val="00B41477"/>
    <w:rsid w:val="00B41B63"/>
    <w:rsid w:val="00B41CED"/>
    <w:rsid w:val="00B41E90"/>
    <w:rsid w:val="00B4282B"/>
    <w:rsid w:val="00B42C9E"/>
    <w:rsid w:val="00B4367D"/>
    <w:rsid w:val="00B43D41"/>
    <w:rsid w:val="00B43E47"/>
    <w:rsid w:val="00B43EE4"/>
    <w:rsid w:val="00B447C0"/>
    <w:rsid w:val="00B447E9"/>
    <w:rsid w:val="00B46180"/>
    <w:rsid w:val="00B46281"/>
    <w:rsid w:val="00B46833"/>
    <w:rsid w:val="00B476A7"/>
    <w:rsid w:val="00B47EE0"/>
    <w:rsid w:val="00B50B40"/>
    <w:rsid w:val="00B5189F"/>
    <w:rsid w:val="00B520FC"/>
    <w:rsid w:val="00B52173"/>
    <w:rsid w:val="00B53197"/>
    <w:rsid w:val="00B53D2C"/>
    <w:rsid w:val="00B542BA"/>
    <w:rsid w:val="00B54455"/>
    <w:rsid w:val="00B54AB3"/>
    <w:rsid w:val="00B55321"/>
    <w:rsid w:val="00B553DE"/>
    <w:rsid w:val="00B555E6"/>
    <w:rsid w:val="00B55B06"/>
    <w:rsid w:val="00B57CAB"/>
    <w:rsid w:val="00B60512"/>
    <w:rsid w:val="00B6070A"/>
    <w:rsid w:val="00B61EC2"/>
    <w:rsid w:val="00B623A9"/>
    <w:rsid w:val="00B6260B"/>
    <w:rsid w:val="00B6275C"/>
    <w:rsid w:val="00B62B0A"/>
    <w:rsid w:val="00B63007"/>
    <w:rsid w:val="00B63057"/>
    <w:rsid w:val="00B639E8"/>
    <w:rsid w:val="00B63C52"/>
    <w:rsid w:val="00B64093"/>
    <w:rsid w:val="00B64A0E"/>
    <w:rsid w:val="00B6524C"/>
    <w:rsid w:val="00B65719"/>
    <w:rsid w:val="00B65767"/>
    <w:rsid w:val="00B658D8"/>
    <w:rsid w:val="00B6666C"/>
    <w:rsid w:val="00B677BE"/>
    <w:rsid w:val="00B67B4A"/>
    <w:rsid w:val="00B67C69"/>
    <w:rsid w:val="00B67EBC"/>
    <w:rsid w:val="00B704E6"/>
    <w:rsid w:val="00B706F5"/>
    <w:rsid w:val="00B70C55"/>
    <w:rsid w:val="00B70CD3"/>
    <w:rsid w:val="00B70D40"/>
    <w:rsid w:val="00B710AC"/>
    <w:rsid w:val="00B71FBF"/>
    <w:rsid w:val="00B723F4"/>
    <w:rsid w:val="00B72553"/>
    <w:rsid w:val="00B73727"/>
    <w:rsid w:val="00B73A66"/>
    <w:rsid w:val="00B73F61"/>
    <w:rsid w:val="00B73FD8"/>
    <w:rsid w:val="00B74B34"/>
    <w:rsid w:val="00B75574"/>
    <w:rsid w:val="00B7583D"/>
    <w:rsid w:val="00B75CB3"/>
    <w:rsid w:val="00B76552"/>
    <w:rsid w:val="00B76617"/>
    <w:rsid w:val="00B77A7E"/>
    <w:rsid w:val="00B77EA7"/>
    <w:rsid w:val="00B800C2"/>
    <w:rsid w:val="00B80A2C"/>
    <w:rsid w:val="00B80D8F"/>
    <w:rsid w:val="00B815A7"/>
    <w:rsid w:val="00B81874"/>
    <w:rsid w:val="00B819D8"/>
    <w:rsid w:val="00B8213D"/>
    <w:rsid w:val="00B833EA"/>
    <w:rsid w:val="00B8368E"/>
    <w:rsid w:val="00B83840"/>
    <w:rsid w:val="00B83E06"/>
    <w:rsid w:val="00B83E42"/>
    <w:rsid w:val="00B83F79"/>
    <w:rsid w:val="00B84030"/>
    <w:rsid w:val="00B841FD"/>
    <w:rsid w:val="00B847E4"/>
    <w:rsid w:val="00B853F4"/>
    <w:rsid w:val="00B85CB9"/>
    <w:rsid w:val="00B85D63"/>
    <w:rsid w:val="00B909D5"/>
    <w:rsid w:val="00B90B82"/>
    <w:rsid w:val="00B918A6"/>
    <w:rsid w:val="00B923CC"/>
    <w:rsid w:val="00B924E5"/>
    <w:rsid w:val="00B93014"/>
    <w:rsid w:val="00B935A9"/>
    <w:rsid w:val="00B935CF"/>
    <w:rsid w:val="00B93A5E"/>
    <w:rsid w:val="00B94DD6"/>
    <w:rsid w:val="00B951EF"/>
    <w:rsid w:val="00B95EA6"/>
    <w:rsid w:val="00B96979"/>
    <w:rsid w:val="00B96EA7"/>
    <w:rsid w:val="00B97108"/>
    <w:rsid w:val="00B973E9"/>
    <w:rsid w:val="00BA0746"/>
    <w:rsid w:val="00BA0800"/>
    <w:rsid w:val="00BA12DA"/>
    <w:rsid w:val="00BA174E"/>
    <w:rsid w:val="00BA1BC7"/>
    <w:rsid w:val="00BA1C3A"/>
    <w:rsid w:val="00BA293A"/>
    <w:rsid w:val="00BA2A43"/>
    <w:rsid w:val="00BA2C44"/>
    <w:rsid w:val="00BA302E"/>
    <w:rsid w:val="00BA34CE"/>
    <w:rsid w:val="00BA3567"/>
    <w:rsid w:val="00BA392E"/>
    <w:rsid w:val="00BA4B44"/>
    <w:rsid w:val="00BA4F79"/>
    <w:rsid w:val="00BA5368"/>
    <w:rsid w:val="00BA5C53"/>
    <w:rsid w:val="00BA62C7"/>
    <w:rsid w:val="00BA707D"/>
    <w:rsid w:val="00BB0084"/>
    <w:rsid w:val="00BB0420"/>
    <w:rsid w:val="00BB0656"/>
    <w:rsid w:val="00BB18F1"/>
    <w:rsid w:val="00BB1D58"/>
    <w:rsid w:val="00BB1F83"/>
    <w:rsid w:val="00BB225C"/>
    <w:rsid w:val="00BB276A"/>
    <w:rsid w:val="00BB2D1B"/>
    <w:rsid w:val="00BB38EC"/>
    <w:rsid w:val="00BB3F3A"/>
    <w:rsid w:val="00BB4034"/>
    <w:rsid w:val="00BB40EC"/>
    <w:rsid w:val="00BB42A1"/>
    <w:rsid w:val="00BB46B8"/>
    <w:rsid w:val="00BB4B0E"/>
    <w:rsid w:val="00BB5A9A"/>
    <w:rsid w:val="00BB69B6"/>
    <w:rsid w:val="00BB71D6"/>
    <w:rsid w:val="00BB73B7"/>
    <w:rsid w:val="00BC0AEA"/>
    <w:rsid w:val="00BC0BBA"/>
    <w:rsid w:val="00BC106A"/>
    <w:rsid w:val="00BC1A7A"/>
    <w:rsid w:val="00BC25BC"/>
    <w:rsid w:val="00BC2A6C"/>
    <w:rsid w:val="00BC2B9E"/>
    <w:rsid w:val="00BC2E64"/>
    <w:rsid w:val="00BC3228"/>
    <w:rsid w:val="00BC39D2"/>
    <w:rsid w:val="00BC3D52"/>
    <w:rsid w:val="00BC3F8A"/>
    <w:rsid w:val="00BC4334"/>
    <w:rsid w:val="00BC43E7"/>
    <w:rsid w:val="00BC462B"/>
    <w:rsid w:val="00BC4C5D"/>
    <w:rsid w:val="00BC50E6"/>
    <w:rsid w:val="00BC51E9"/>
    <w:rsid w:val="00BC5412"/>
    <w:rsid w:val="00BC551A"/>
    <w:rsid w:val="00BC557F"/>
    <w:rsid w:val="00BC5702"/>
    <w:rsid w:val="00BC58A1"/>
    <w:rsid w:val="00BC67E8"/>
    <w:rsid w:val="00BC71B2"/>
    <w:rsid w:val="00BC76C2"/>
    <w:rsid w:val="00BC7974"/>
    <w:rsid w:val="00BC7C50"/>
    <w:rsid w:val="00BD010F"/>
    <w:rsid w:val="00BD039D"/>
    <w:rsid w:val="00BD0CCB"/>
    <w:rsid w:val="00BD21AB"/>
    <w:rsid w:val="00BD2643"/>
    <w:rsid w:val="00BD2D45"/>
    <w:rsid w:val="00BD379C"/>
    <w:rsid w:val="00BD413F"/>
    <w:rsid w:val="00BD466A"/>
    <w:rsid w:val="00BD4A7B"/>
    <w:rsid w:val="00BD4AF3"/>
    <w:rsid w:val="00BD4BA5"/>
    <w:rsid w:val="00BD51B6"/>
    <w:rsid w:val="00BD58A5"/>
    <w:rsid w:val="00BD5C6F"/>
    <w:rsid w:val="00BD6119"/>
    <w:rsid w:val="00BD615B"/>
    <w:rsid w:val="00BD63EC"/>
    <w:rsid w:val="00BD66F3"/>
    <w:rsid w:val="00BD6EAD"/>
    <w:rsid w:val="00BD6F4A"/>
    <w:rsid w:val="00BD757F"/>
    <w:rsid w:val="00BE0279"/>
    <w:rsid w:val="00BE14B8"/>
    <w:rsid w:val="00BE1CE2"/>
    <w:rsid w:val="00BE2693"/>
    <w:rsid w:val="00BE27C5"/>
    <w:rsid w:val="00BE282A"/>
    <w:rsid w:val="00BE3556"/>
    <w:rsid w:val="00BE3A07"/>
    <w:rsid w:val="00BE3A26"/>
    <w:rsid w:val="00BE3E17"/>
    <w:rsid w:val="00BE4116"/>
    <w:rsid w:val="00BE4383"/>
    <w:rsid w:val="00BE440F"/>
    <w:rsid w:val="00BE4FAE"/>
    <w:rsid w:val="00BE5982"/>
    <w:rsid w:val="00BE5E54"/>
    <w:rsid w:val="00BE6382"/>
    <w:rsid w:val="00BE67B0"/>
    <w:rsid w:val="00BF0005"/>
    <w:rsid w:val="00BF0086"/>
    <w:rsid w:val="00BF136E"/>
    <w:rsid w:val="00BF213E"/>
    <w:rsid w:val="00BF2B4F"/>
    <w:rsid w:val="00BF304A"/>
    <w:rsid w:val="00BF39FC"/>
    <w:rsid w:val="00BF42F5"/>
    <w:rsid w:val="00BF5041"/>
    <w:rsid w:val="00BF52F8"/>
    <w:rsid w:val="00BF55F4"/>
    <w:rsid w:val="00BF6949"/>
    <w:rsid w:val="00BF6B93"/>
    <w:rsid w:val="00BF78CE"/>
    <w:rsid w:val="00BF7993"/>
    <w:rsid w:val="00BF7CE3"/>
    <w:rsid w:val="00C00541"/>
    <w:rsid w:val="00C01AFF"/>
    <w:rsid w:val="00C02B9A"/>
    <w:rsid w:val="00C034D2"/>
    <w:rsid w:val="00C0354A"/>
    <w:rsid w:val="00C049CB"/>
    <w:rsid w:val="00C05222"/>
    <w:rsid w:val="00C054CB"/>
    <w:rsid w:val="00C0557E"/>
    <w:rsid w:val="00C05D21"/>
    <w:rsid w:val="00C06C1B"/>
    <w:rsid w:val="00C06CDE"/>
    <w:rsid w:val="00C06FCB"/>
    <w:rsid w:val="00C07DED"/>
    <w:rsid w:val="00C07FF0"/>
    <w:rsid w:val="00C10513"/>
    <w:rsid w:val="00C1070F"/>
    <w:rsid w:val="00C10BEB"/>
    <w:rsid w:val="00C10C0D"/>
    <w:rsid w:val="00C10FCB"/>
    <w:rsid w:val="00C11134"/>
    <w:rsid w:val="00C11450"/>
    <w:rsid w:val="00C1145D"/>
    <w:rsid w:val="00C11DE4"/>
    <w:rsid w:val="00C12A61"/>
    <w:rsid w:val="00C12AC9"/>
    <w:rsid w:val="00C12C91"/>
    <w:rsid w:val="00C137B6"/>
    <w:rsid w:val="00C13B97"/>
    <w:rsid w:val="00C13EBE"/>
    <w:rsid w:val="00C1486A"/>
    <w:rsid w:val="00C14918"/>
    <w:rsid w:val="00C14EC4"/>
    <w:rsid w:val="00C16D03"/>
    <w:rsid w:val="00C171A2"/>
    <w:rsid w:val="00C1785D"/>
    <w:rsid w:val="00C17B13"/>
    <w:rsid w:val="00C2028E"/>
    <w:rsid w:val="00C20497"/>
    <w:rsid w:val="00C20848"/>
    <w:rsid w:val="00C20B5F"/>
    <w:rsid w:val="00C21070"/>
    <w:rsid w:val="00C2234B"/>
    <w:rsid w:val="00C2236E"/>
    <w:rsid w:val="00C226B3"/>
    <w:rsid w:val="00C228C3"/>
    <w:rsid w:val="00C23896"/>
    <w:rsid w:val="00C23967"/>
    <w:rsid w:val="00C23A1E"/>
    <w:rsid w:val="00C24A0D"/>
    <w:rsid w:val="00C25CF5"/>
    <w:rsid w:val="00C25EF5"/>
    <w:rsid w:val="00C31F99"/>
    <w:rsid w:val="00C325D2"/>
    <w:rsid w:val="00C3296A"/>
    <w:rsid w:val="00C32AA8"/>
    <w:rsid w:val="00C32F9E"/>
    <w:rsid w:val="00C33139"/>
    <w:rsid w:val="00C33495"/>
    <w:rsid w:val="00C34307"/>
    <w:rsid w:val="00C34C9D"/>
    <w:rsid w:val="00C34E79"/>
    <w:rsid w:val="00C352F6"/>
    <w:rsid w:val="00C35777"/>
    <w:rsid w:val="00C35EFB"/>
    <w:rsid w:val="00C36390"/>
    <w:rsid w:val="00C36743"/>
    <w:rsid w:val="00C3686C"/>
    <w:rsid w:val="00C3730E"/>
    <w:rsid w:val="00C375BD"/>
    <w:rsid w:val="00C37A0B"/>
    <w:rsid w:val="00C406F6"/>
    <w:rsid w:val="00C4180A"/>
    <w:rsid w:val="00C41A49"/>
    <w:rsid w:val="00C42052"/>
    <w:rsid w:val="00C422A6"/>
    <w:rsid w:val="00C42757"/>
    <w:rsid w:val="00C429E4"/>
    <w:rsid w:val="00C42BD9"/>
    <w:rsid w:val="00C448FC"/>
    <w:rsid w:val="00C4494D"/>
    <w:rsid w:val="00C45416"/>
    <w:rsid w:val="00C4630F"/>
    <w:rsid w:val="00C46A83"/>
    <w:rsid w:val="00C46C98"/>
    <w:rsid w:val="00C46DF4"/>
    <w:rsid w:val="00C46E55"/>
    <w:rsid w:val="00C4702A"/>
    <w:rsid w:val="00C4720C"/>
    <w:rsid w:val="00C478B0"/>
    <w:rsid w:val="00C50A23"/>
    <w:rsid w:val="00C50F70"/>
    <w:rsid w:val="00C5101B"/>
    <w:rsid w:val="00C51E5F"/>
    <w:rsid w:val="00C5241C"/>
    <w:rsid w:val="00C52653"/>
    <w:rsid w:val="00C52CEB"/>
    <w:rsid w:val="00C537D5"/>
    <w:rsid w:val="00C5558D"/>
    <w:rsid w:val="00C560B9"/>
    <w:rsid w:val="00C572DF"/>
    <w:rsid w:val="00C574B2"/>
    <w:rsid w:val="00C5787F"/>
    <w:rsid w:val="00C5796C"/>
    <w:rsid w:val="00C57AC6"/>
    <w:rsid w:val="00C57D3F"/>
    <w:rsid w:val="00C60451"/>
    <w:rsid w:val="00C61399"/>
    <w:rsid w:val="00C61A75"/>
    <w:rsid w:val="00C6325B"/>
    <w:rsid w:val="00C636B0"/>
    <w:rsid w:val="00C6381C"/>
    <w:rsid w:val="00C63BD1"/>
    <w:rsid w:val="00C64218"/>
    <w:rsid w:val="00C64BA9"/>
    <w:rsid w:val="00C64DB7"/>
    <w:rsid w:val="00C64F32"/>
    <w:rsid w:val="00C6536C"/>
    <w:rsid w:val="00C66C39"/>
    <w:rsid w:val="00C66E77"/>
    <w:rsid w:val="00C670D4"/>
    <w:rsid w:val="00C674E8"/>
    <w:rsid w:val="00C67C67"/>
    <w:rsid w:val="00C706A7"/>
    <w:rsid w:val="00C707B2"/>
    <w:rsid w:val="00C716B0"/>
    <w:rsid w:val="00C72D27"/>
    <w:rsid w:val="00C73114"/>
    <w:rsid w:val="00C7382F"/>
    <w:rsid w:val="00C73E9E"/>
    <w:rsid w:val="00C74484"/>
    <w:rsid w:val="00C74EBF"/>
    <w:rsid w:val="00C75878"/>
    <w:rsid w:val="00C758EA"/>
    <w:rsid w:val="00C76305"/>
    <w:rsid w:val="00C769D0"/>
    <w:rsid w:val="00C771FC"/>
    <w:rsid w:val="00C77A0C"/>
    <w:rsid w:val="00C77C0F"/>
    <w:rsid w:val="00C80989"/>
    <w:rsid w:val="00C80A33"/>
    <w:rsid w:val="00C80C4A"/>
    <w:rsid w:val="00C81BD1"/>
    <w:rsid w:val="00C823F8"/>
    <w:rsid w:val="00C8290C"/>
    <w:rsid w:val="00C834F0"/>
    <w:rsid w:val="00C83E5B"/>
    <w:rsid w:val="00C83F74"/>
    <w:rsid w:val="00C84758"/>
    <w:rsid w:val="00C848DE"/>
    <w:rsid w:val="00C84E73"/>
    <w:rsid w:val="00C865D9"/>
    <w:rsid w:val="00C86EEB"/>
    <w:rsid w:val="00C87793"/>
    <w:rsid w:val="00C87C35"/>
    <w:rsid w:val="00C87DD4"/>
    <w:rsid w:val="00C9052F"/>
    <w:rsid w:val="00C90A04"/>
    <w:rsid w:val="00C90A91"/>
    <w:rsid w:val="00C91416"/>
    <w:rsid w:val="00C9159E"/>
    <w:rsid w:val="00C91EE1"/>
    <w:rsid w:val="00C92135"/>
    <w:rsid w:val="00C92312"/>
    <w:rsid w:val="00C939B6"/>
    <w:rsid w:val="00C939D2"/>
    <w:rsid w:val="00C93E77"/>
    <w:rsid w:val="00C943B0"/>
    <w:rsid w:val="00C95437"/>
    <w:rsid w:val="00C95C9B"/>
    <w:rsid w:val="00C95D98"/>
    <w:rsid w:val="00C9629E"/>
    <w:rsid w:val="00C96955"/>
    <w:rsid w:val="00C96D05"/>
    <w:rsid w:val="00C96F9F"/>
    <w:rsid w:val="00CA20AC"/>
    <w:rsid w:val="00CA227E"/>
    <w:rsid w:val="00CA2525"/>
    <w:rsid w:val="00CA3470"/>
    <w:rsid w:val="00CA3512"/>
    <w:rsid w:val="00CA36DC"/>
    <w:rsid w:val="00CA4447"/>
    <w:rsid w:val="00CA459B"/>
    <w:rsid w:val="00CA46B0"/>
    <w:rsid w:val="00CA56B0"/>
    <w:rsid w:val="00CA689F"/>
    <w:rsid w:val="00CA725D"/>
    <w:rsid w:val="00CB09E7"/>
    <w:rsid w:val="00CB1406"/>
    <w:rsid w:val="00CB1674"/>
    <w:rsid w:val="00CB3854"/>
    <w:rsid w:val="00CB3F8A"/>
    <w:rsid w:val="00CB5B2B"/>
    <w:rsid w:val="00CB72F0"/>
    <w:rsid w:val="00CB77BB"/>
    <w:rsid w:val="00CB78EB"/>
    <w:rsid w:val="00CC00AF"/>
    <w:rsid w:val="00CC082F"/>
    <w:rsid w:val="00CC0F4D"/>
    <w:rsid w:val="00CC12E8"/>
    <w:rsid w:val="00CC151C"/>
    <w:rsid w:val="00CC18E6"/>
    <w:rsid w:val="00CC1D31"/>
    <w:rsid w:val="00CC272E"/>
    <w:rsid w:val="00CC28DE"/>
    <w:rsid w:val="00CC3A44"/>
    <w:rsid w:val="00CC4325"/>
    <w:rsid w:val="00CC43F1"/>
    <w:rsid w:val="00CC4437"/>
    <w:rsid w:val="00CC46D0"/>
    <w:rsid w:val="00CC4B07"/>
    <w:rsid w:val="00CC522B"/>
    <w:rsid w:val="00CC524C"/>
    <w:rsid w:val="00CC5361"/>
    <w:rsid w:val="00CC573C"/>
    <w:rsid w:val="00CC5B8B"/>
    <w:rsid w:val="00CC5F90"/>
    <w:rsid w:val="00CC6700"/>
    <w:rsid w:val="00CC6779"/>
    <w:rsid w:val="00CC761F"/>
    <w:rsid w:val="00CD15C4"/>
    <w:rsid w:val="00CD17D6"/>
    <w:rsid w:val="00CD1BC2"/>
    <w:rsid w:val="00CD27EE"/>
    <w:rsid w:val="00CD3237"/>
    <w:rsid w:val="00CD3ABD"/>
    <w:rsid w:val="00CD4820"/>
    <w:rsid w:val="00CD4D9D"/>
    <w:rsid w:val="00CD55B7"/>
    <w:rsid w:val="00CD56D9"/>
    <w:rsid w:val="00CD6553"/>
    <w:rsid w:val="00CD6A01"/>
    <w:rsid w:val="00CD6A67"/>
    <w:rsid w:val="00CD79AB"/>
    <w:rsid w:val="00CE004C"/>
    <w:rsid w:val="00CE0575"/>
    <w:rsid w:val="00CE0B6C"/>
    <w:rsid w:val="00CE0F02"/>
    <w:rsid w:val="00CE15E2"/>
    <w:rsid w:val="00CE2012"/>
    <w:rsid w:val="00CE2232"/>
    <w:rsid w:val="00CE2D55"/>
    <w:rsid w:val="00CE3F70"/>
    <w:rsid w:val="00CE43FB"/>
    <w:rsid w:val="00CE499D"/>
    <w:rsid w:val="00CE49B0"/>
    <w:rsid w:val="00CE4C6C"/>
    <w:rsid w:val="00CE4E46"/>
    <w:rsid w:val="00CE5490"/>
    <w:rsid w:val="00CE632A"/>
    <w:rsid w:val="00CE6B9B"/>
    <w:rsid w:val="00CE72E2"/>
    <w:rsid w:val="00CE73E7"/>
    <w:rsid w:val="00CE7587"/>
    <w:rsid w:val="00CE7A2E"/>
    <w:rsid w:val="00CE7E98"/>
    <w:rsid w:val="00CF02D0"/>
    <w:rsid w:val="00CF0406"/>
    <w:rsid w:val="00CF1717"/>
    <w:rsid w:val="00CF1931"/>
    <w:rsid w:val="00CF1BE1"/>
    <w:rsid w:val="00CF2072"/>
    <w:rsid w:val="00CF24BB"/>
    <w:rsid w:val="00CF2563"/>
    <w:rsid w:val="00CF28AF"/>
    <w:rsid w:val="00CF3967"/>
    <w:rsid w:val="00CF3E53"/>
    <w:rsid w:val="00CF40A0"/>
    <w:rsid w:val="00CF43E4"/>
    <w:rsid w:val="00CF50D2"/>
    <w:rsid w:val="00CF5908"/>
    <w:rsid w:val="00CF5C20"/>
    <w:rsid w:val="00CF5CA6"/>
    <w:rsid w:val="00CF6E6E"/>
    <w:rsid w:val="00CF72C5"/>
    <w:rsid w:val="00CF7447"/>
    <w:rsid w:val="00CF7465"/>
    <w:rsid w:val="00D00335"/>
    <w:rsid w:val="00D007C0"/>
    <w:rsid w:val="00D008B0"/>
    <w:rsid w:val="00D00907"/>
    <w:rsid w:val="00D00973"/>
    <w:rsid w:val="00D00A7D"/>
    <w:rsid w:val="00D00C75"/>
    <w:rsid w:val="00D02CD8"/>
    <w:rsid w:val="00D0325B"/>
    <w:rsid w:val="00D03639"/>
    <w:rsid w:val="00D04ACA"/>
    <w:rsid w:val="00D0575E"/>
    <w:rsid w:val="00D05B0A"/>
    <w:rsid w:val="00D05D59"/>
    <w:rsid w:val="00D060F1"/>
    <w:rsid w:val="00D062C1"/>
    <w:rsid w:val="00D06978"/>
    <w:rsid w:val="00D06B2E"/>
    <w:rsid w:val="00D075F9"/>
    <w:rsid w:val="00D07BEE"/>
    <w:rsid w:val="00D07EB9"/>
    <w:rsid w:val="00D10D80"/>
    <w:rsid w:val="00D11A09"/>
    <w:rsid w:val="00D11DBC"/>
    <w:rsid w:val="00D12095"/>
    <w:rsid w:val="00D12337"/>
    <w:rsid w:val="00D12A29"/>
    <w:rsid w:val="00D12C1B"/>
    <w:rsid w:val="00D12DFC"/>
    <w:rsid w:val="00D1327F"/>
    <w:rsid w:val="00D138F0"/>
    <w:rsid w:val="00D14AB9"/>
    <w:rsid w:val="00D14EB7"/>
    <w:rsid w:val="00D15DBA"/>
    <w:rsid w:val="00D16615"/>
    <w:rsid w:val="00D16968"/>
    <w:rsid w:val="00D17091"/>
    <w:rsid w:val="00D1775B"/>
    <w:rsid w:val="00D178DD"/>
    <w:rsid w:val="00D17E63"/>
    <w:rsid w:val="00D20994"/>
    <w:rsid w:val="00D20A94"/>
    <w:rsid w:val="00D20CD5"/>
    <w:rsid w:val="00D215C8"/>
    <w:rsid w:val="00D22312"/>
    <w:rsid w:val="00D226DC"/>
    <w:rsid w:val="00D22825"/>
    <w:rsid w:val="00D22C80"/>
    <w:rsid w:val="00D23911"/>
    <w:rsid w:val="00D23ADF"/>
    <w:rsid w:val="00D243B9"/>
    <w:rsid w:val="00D24812"/>
    <w:rsid w:val="00D24D6B"/>
    <w:rsid w:val="00D2509B"/>
    <w:rsid w:val="00D25B94"/>
    <w:rsid w:val="00D25E9C"/>
    <w:rsid w:val="00D26C68"/>
    <w:rsid w:val="00D2700F"/>
    <w:rsid w:val="00D27A73"/>
    <w:rsid w:val="00D301F4"/>
    <w:rsid w:val="00D3074A"/>
    <w:rsid w:val="00D309A0"/>
    <w:rsid w:val="00D31814"/>
    <w:rsid w:val="00D3277E"/>
    <w:rsid w:val="00D338ED"/>
    <w:rsid w:val="00D33A88"/>
    <w:rsid w:val="00D344D6"/>
    <w:rsid w:val="00D35234"/>
    <w:rsid w:val="00D35FC2"/>
    <w:rsid w:val="00D36DDE"/>
    <w:rsid w:val="00D3700C"/>
    <w:rsid w:val="00D379AC"/>
    <w:rsid w:val="00D379CF"/>
    <w:rsid w:val="00D37BC2"/>
    <w:rsid w:val="00D40110"/>
    <w:rsid w:val="00D40360"/>
    <w:rsid w:val="00D407AF"/>
    <w:rsid w:val="00D4090F"/>
    <w:rsid w:val="00D411B4"/>
    <w:rsid w:val="00D4178C"/>
    <w:rsid w:val="00D41B91"/>
    <w:rsid w:val="00D41DBA"/>
    <w:rsid w:val="00D41E44"/>
    <w:rsid w:val="00D42290"/>
    <w:rsid w:val="00D42AE4"/>
    <w:rsid w:val="00D42B64"/>
    <w:rsid w:val="00D42DF4"/>
    <w:rsid w:val="00D432CB"/>
    <w:rsid w:val="00D43412"/>
    <w:rsid w:val="00D4346D"/>
    <w:rsid w:val="00D4406D"/>
    <w:rsid w:val="00D4486C"/>
    <w:rsid w:val="00D44E10"/>
    <w:rsid w:val="00D45663"/>
    <w:rsid w:val="00D4596D"/>
    <w:rsid w:val="00D4641A"/>
    <w:rsid w:val="00D46553"/>
    <w:rsid w:val="00D47525"/>
    <w:rsid w:val="00D47842"/>
    <w:rsid w:val="00D517C5"/>
    <w:rsid w:val="00D51CD1"/>
    <w:rsid w:val="00D5204E"/>
    <w:rsid w:val="00D521F5"/>
    <w:rsid w:val="00D52393"/>
    <w:rsid w:val="00D52660"/>
    <w:rsid w:val="00D5268C"/>
    <w:rsid w:val="00D52AA6"/>
    <w:rsid w:val="00D53849"/>
    <w:rsid w:val="00D53AEF"/>
    <w:rsid w:val="00D53E41"/>
    <w:rsid w:val="00D5447F"/>
    <w:rsid w:val="00D54C03"/>
    <w:rsid w:val="00D54DD7"/>
    <w:rsid w:val="00D551CF"/>
    <w:rsid w:val="00D5575A"/>
    <w:rsid w:val="00D55793"/>
    <w:rsid w:val="00D55A07"/>
    <w:rsid w:val="00D5635F"/>
    <w:rsid w:val="00D57342"/>
    <w:rsid w:val="00D575DC"/>
    <w:rsid w:val="00D5784D"/>
    <w:rsid w:val="00D6048D"/>
    <w:rsid w:val="00D60FAB"/>
    <w:rsid w:val="00D60FD4"/>
    <w:rsid w:val="00D611F5"/>
    <w:rsid w:val="00D6127D"/>
    <w:rsid w:val="00D614AE"/>
    <w:rsid w:val="00D6194B"/>
    <w:rsid w:val="00D61C53"/>
    <w:rsid w:val="00D62435"/>
    <w:rsid w:val="00D62611"/>
    <w:rsid w:val="00D626B5"/>
    <w:rsid w:val="00D637ED"/>
    <w:rsid w:val="00D647E7"/>
    <w:rsid w:val="00D65164"/>
    <w:rsid w:val="00D65E0C"/>
    <w:rsid w:val="00D65FD3"/>
    <w:rsid w:val="00D66FBF"/>
    <w:rsid w:val="00D677C3"/>
    <w:rsid w:val="00D67CB0"/>
    <w:rsid w:val="00D7020D"/>
    <w:rsid w:val="00D70722"/>
    <w:rsid w:val="00D7099D"/>
    <w:rsid w:val="00D70A15"/>
    <w:rsid w:val="00D70C5B"/>
    <w:rsid w:val="00D70D3D"/>
    <w:rsid w:val="00D711A5"/>
    <w:rsid w:val="00D71828"/>
    <w:rsid w:val="00D7204A"/>
    <w:rsid w:val="00D720AD"/>
    <w:rsid w:val="00D72494"/>
    <w:rsid w:val="00D72E5F"/>
    <w:rsid w:val="00D72E80"/>
    <w:rsid w:val="00D7526E"/>
    <w:rsid w:val="00D80288"/>
    <w:rsid w:val="00D80470"/>
    <w:rsid w:val="00D80525"/>
    <w:rsid w:val="00D80A97"/>
    <w:rsid w:val="00D80CB4"/>
    <w:rsid w:val="00D8163A"/>
    <w:rsid w:val="00D817E6"/>
    <w:rsid w:val="00D81851"/>
    <w:rsid w:val="00D81C9F"/>
    <w:rsid w:val="00D81D1D"/>
    <w:rsid w:val="00D822A8"/>
    <w:rsid w:val="00D8292A"/>
    <w:rsid w:val="00D82C10"/>
    <w:rsid w:val="00D832EC"/>
    <w:rsid w:val="00D8339C"/>
    <w:rsid w:val="00D83874"/>
    <w:rsid w:val="00D83D7E"/>
    <w:rsid w:val="00D84234"/>
    <w:rsid w:val="00D84320"/>
    <w:rsid w:val="00D84393"/>
    <w:rsid w:val="00D8491D"/>
    <w:rsid w:val="00D84E51"/>
    <w:rsid w:val="00D8521F"/>
    <w:rsid w:val="00D85668"/>
    <w:rsid w:val="00D85B37"/>
    <w:rsid w:val="00D8608F"/>
    <w:rsid w:val="00D860B1"/>
    <w:rsid w:val="00D86488"/>
    <w:rsid w:val="00D86684"/>
    <w:rsid w:val="00D86DCF"/>
    <w:rsid w:val="00D875EC"/>
    <w:rsid w:val="00D87710"/>
    <w:rsid w:val="00D87827"/>
    <w:rsid w:val="00D9096A"/>
    <w:rsid w:val="00D90A5F"/>
    <w:rsid w:val="00D90C69"/>
    <w:rsid w:val="00D91255"/>
    <w:rsid w:val="00D91874"/>
    <w:rsid w:val="00D9295B"/>
    <w:rsid w:val="00D929F8"/>
    <w:rsid w:val="00D92E49"/>
    <w:rsid w:val="00D93208"/>
    <w:rsid w:val="00D9344F"/>
    <w:rsid w:val="00D934AE"/>
    <w:rsid w:val="00D93C43"/>
    <w:rsid w:val="00D94B48"/>
    <w:rsid w:val="00D955E9"/>
    <w:rsid w:val="00D95872"/>
    <w:rsid w:val="00D958B0"/>
    <w:rsid w:val="00D95FB3"/>
    <w:rsid w:val="00D9631C"/>
    <w:rsid w:val="00D96D8C"/>
    <w:rsid w:val="00D973ED"/>
    <w:rsid w:val="00DA07AD"/>
    <w:rsid w:val="00DA119E"/>
    <w:rsid w:val="00DA1565"/>
    <w:rsid w:val="00DA1D49"/>
    <w:rsid w:val="00DA22D7"/>
    <w:rsid w:val="00DA25F0"/>
    <w:rsid w:val="00DA2E1D"/>
    <w:rsid w:val="00DA34BA"/>
    <w:rsid w:val="00DA37F8"/>
    <w:rsid w:val="00DA3BC5"/>
    <w:rsid w:val="00DA3CEB"/>
    <w:rsid w:val="00DA44B5"/>
    <w:rsid w:val="00DA5BA9"/>
    <w:rsid w:val="00DA676E"/>
    <w:rsid w:val="00DA7785"/>
    <w:rsid w:val="00DA7B58"/>
    <w:rsid w:val="00DA7F8D"/>
    <w:rsid w:val="00DB07FE"/>
    <w:rsid w:val="00DB0CC8"/>
    <w:rsid w:val="00DB1A43"/>
    <w:rsid w:val="00DB27C0"/>
    <w:rsid w:val="00DB34E7"/>
    <w:rsid w:val="00DB37C5"/>
    <w:rsid w:val="00DB3E85"/>
    <w:rsid w:val="00DB40A1"/>
    <w:rsid w:val="00DB4D2D"/>
    <w:rsid w:val="00DB5566"/>
    <w:rsid w:val="00DB57F3"/>
    <w:rsid w:val="00DB5ADD"/>
    <w:rsid w:val="00DB6B4E"/>
    <w:rsid w:val="00DB76D2"/>
    <w:rsid w:val="00DB77EB"/>
    <w:rsid w:val="00DB77FE"/>
    <w:rsid w:val="00DB7B37"/>
    <w:rsid w:val="00DC0164"/>
    <w:rsid w:val="00DC034D"/>
    <w:rsid w:val="00DC079A"/>
    <w:rsid w:val="00DC12D7"/>
    <w:rsid w:val="00DC1A70"/>
    <w:rsid w:val="00DC1B0E"/>
    <w:rsid w:val="00DC2158"/>
    <w:rsid w:val="00DC2C67"/>
    <w:rsid w:val="00DC2D9B"/>
    <w:rsid w:val="00DC34B6"/>
    <w:rsid w:val="00DC3514"/>
    <w:rsid w:val="00DC3833"/>
    <w:rsid w:val="00DC3F4B"/>
    <w:rsid w:val="00DC3F5A"/>
    <w:rsid w:val="00DC45D3"/>
    <w:rsid w:val="00DC46AF"/>
    <w:rsid w:val="00DC5DDA"/>
    <w:rsid w:val="00DC61EA"/>
    <w:rsid w:val="00DC6E0D"/>
    <w:rsid w:val="00DC7722"/>
    <w:rsid w:val="00DC7FCD"/>
    <w:rsid w:val="00DD0789"/>
    <w:rsid w:val="00DD1CB2"/>
    <w:rsid w:val="00DD29D5"/>
    <w:rsid w:val="00DD370E"/>
    <w:rsid w:val="00DD4DD1"/>
    <w:rsid w:val="00DD4F1D"/>
    <w:rsid w:val="00DD53C5"/>
    <w:rsid w:val="00DD69EC"/>
    <w:rsid w:val="00DD7334"/>
    <w:rsid w:val="00DD797C"/>
    <w:rsid w:val="00DD79C7"/>
    <w:rsid w:val="00DD7F4E"/>
    <w:rsid w:val="00DE0984"/>
    <w:rsid w:val="00DE09D3"/>
    <w:rsid w:val="00DE0BB2"/>
    <w:rsid w:val="00DE0D15"/>
    <w:rsid w:val="00DE0E74"/>
    <w:rsid w:val="00DE15A0"/>
    <w:rsid w:val="00DE17DA"/>
    <w:rsid w:val="00DE186C"/>
    <w:rsid w:val="00DE1EBC"/>
    <w:rsid w:val="00DE217E"/>
    <w:rsid w:val="00DE2AEC"/>
    <w:rsid w:val="00DE3452"/>
    <w:rsid w:val="00DE3B2D"/>
    <w:rsid w:val="00DE4100"/>
    <w:rsid w:val="00DE4453"/>
    <w:rsid w:val="00DE51B9"/>
    <w:rsid w:val="00DE5AEF"/>
    <w:rsid w:val="00DE7358"/>
    <w:rsid w:val="00DE7642"/>
    <w:rsid w:val="00DF05B1"/>
    <w:rsid w:val="00DF07CD"/>
    <w:rsid w:val="00DF09DD"/>
    <w:rsid w:val="00DF1728"/>
    <w:rsid w:val="00DF1AF1"/>
    <w:rsid w:val="00DF1D2A"/>
    <w:rsid w:val="00DF206D"/>
    <w:rsid w:val="00DF22A1"/>
    <w:rsid w:val="00DF2900"/>
    <w:rsid w:val="00DF2CEB"/>
    <w:rsid w:val="00DF3094"/>
    <w:rsid w:val="00DF3790"/>
    <w:rsid w:val="00DF4250"/>
    <w:rsid w:val="00DF4603"/>
    <w:rsid w:val="00DF46C1"/>
    <w:rsid w:val="00DF534C"/>
    <w:rsid w:val="00DF6206"/>
    <w:rsid w:val="00DF7090"/>
    <w:rsid w:val="00DF70BB"/>
    <w:rsid w:val="00DF7CD5"/>
    <w:rsid w:val="00DF7F50"/>
    <w:rsid w:val="00E0041D"/>
    <w:rsid w:val="00E01A0E"/>
    <w:rsid w:val="00E01CDB"/>
    <w:rsid w:val="00E020F2"/>
    <w:rsid w:val="00E02C29"/>
    <w:rsid w:val="00E03F73"/>
    <w:rsid w:val="00E03FA7"/>
    <w:rsid w:val="00E05246"/>
    <w:rsid w:val="00E052E5"/>
    <w:rsid w:val="00E053C0"/>
    <w:rsid w:val="00E058F4"/>
    <w:rsid w:val="00E05DCD"/>
    <w:rsid w:val="00E06722"/>
    <w:rsid w:val="00E06AA3"/>
    <w:rsid w:val="00E071D7"/>
    <w:rsid w:val="00E07969"/>
    <w:rsid w:val="00E079E7"/>
    <w:rsid w:val="00E07BD0"/>
    <w:rsid w:val="00E07EB4"/>
    <w:rsid w:val="00E108D4"/>
    <w:rsid w:val="00E1261F"/>
    <w:rsid w:val="00E129A8"/>
    <w:rsid w:val="00E13904"/>
    <w:rsid w:val="00E139D0"/>
    <w:rsid w:val="00E13C36"/>
    <w:rsid w:val="00E14429"/>
    <w:rsid w:val="00E14569"/>
    <w:rsid w:val="00E150D6"/>
    <w:rsid w:val="00E152B0"/>
    <w:rsid w:val="00E15747"/>
    <w:rsid w:val="00E15F75"/>
    <w:rsid w:val="00E16572"/>
    <w:rsid w:val="00E16621"/>
    <w:rsid w:val="00E176CC"/>
    <w:rsid w:val="00E20343"/>
    <w:rsid w:val="00E207BC"/>
    <w:rsid w:val="00E20BCB"/>
    <w:rsid w:val="00E2173B"/>
    <w:rsid w:val="00E21C46"/>
    <w:rsid w:val="00E21D85"/>
    <w:rsid w:val="00E21E0E"/>
    <w:rsid w:val="00E22947"/>
    <w:rsid w:val="00E22E4D"/>
    <w:rsid w:val="00E23481"/>
    <w:rsid w:val="00E235E0"/>
    <w:rsid w:val="00E23960"/>
    <w:rsid w:val="00E24995"/>
    <w:rsid w:val="00E24A44"/>
    <w:rsid w:val="00E26FDD"/>
    <w:rsid w:val="00E273B2"/>
    <w:rsid w:val="00E279CC"/>
    <w:rsid w:val="00E27DC1"/>
    <w:rsid w:val="00E300CA"/>
    <w:rsid w:val="00E30C9F"/>
    <w:rsid w:val="00E30D8E"/>
    <w:rsid w:val="00E31401"/>
    <w:rsid w:val="00E3223F"/>
    <w:rsid w:val="00E32611"/>
    <w:rsid w:val="00E32B22"/>
    <w:rsid w:val="00E32F3A"/>
    <w:rsid w:val="00E332C8"/>
    <w:rsid w:val="00E335B2"/>
    <w:rsid w:val="00E33946"/>
    <w:rsid w:val="00E33D90"/>
    <w:rsid w:val="00E34855"/>
    <w:rsid w:val="00E34DD9"/>
    <w:rsid w:val="00E355F5"/>
    <w:rsid w:val="00E35C0A"/>
    <w:rsid w:val="00E35C60"/>
    <w:rsid w:val="00E36C49"/>
    <w:rsid w:val="00E36DC6"/>
    <w:rsid w:val="00E36E1B"/>
    <w:rsid w:val="00E37C2E"/>
    <w:rsid w:val="00E37E92"/>
    <w:rsid w:val="00E403DA"/>
    <w:rsid w:val="00E40947"/>
    <w:rsid w:val="00E411FD"/>
    <w:rsid w:val="00E41414"/>
    <w:rsid w:val="00E4257D"/>
    <w:rsid w:val="00E42856"/>
    <w:rsid w:val="00E42DD6"/>
    <w:rsid w:val="00E42FC7"/>
    <w:rsid w:val="00E43A4A"/>
    <w:rsid w:val="00E43E39"/>
    <w:rsid w:val="00E446A2"/>
    <w:rsid w:val="00E4493D"/>
    <w:rsid w:val="00E4663F"/>
    <w:rsid w:val="00E46BEC"/>
    <w:rsid w:val="00E47B64"/>
    <w:rsid w:val="00E47D5F"/>
    <w:rsid w:val="00E50065"/>
    <w:rsid w:val="00E50F63"/>
    <w:rsid w:val="00E51588"/>
    <w:rsid w:val="00E51590"/>
    <w:rsid w:val="00E51C0D"/>
    <w:rsid w:val="00E5262D"/>
    <w:rsid w:val="00E53220"/>
    <w:rsid w:val="00E539DD"/>
    <w:rsid w:val="00E53BA7"/>
    <w:rsid w:val="00E543CD"/>
    <w:rsid w:val="00E54833"/>
    <w:rsid w:val="00E563F5"/>
    <w:rsid w:val="00E57205"/>
    <w:rsid w:val="00E573D8"/>
    <w:rsid w:val="00E574FD"/>
    <w:rsid w:val="00E57C00"/>
    <w:rsid w:val="00E606E9"/>
    <w:rsid w:val="00E60A02"/>
    <w:rsid w:val="00E60D38"/>
    <w:rsid w:val="00E60FEF"/>
    <w:rsid w:val="00E6101D"/>
    <w:rsid w:val="00E618AF"/>
    <w:rsid w:val="00E61980"/>
    <w:rsid w:val="00E619E8"/>
    <w:rsid w:val="00E61F18"/>
    <w:rsid w:val="00E62330"/>
    <w:rsid w:val="00E628D2"/>
    <w:rsid w:val="00E62CE1"/>
    <w:rsid w:val="00E639E0"/>
    <w:rsid w:val="00E63B66"/>
    <w:rsid w:val="00E641F1"/>
    <w:rsid w:val="00E64C6A"/>
    <w:rsid w:val="00E65086"/>
    <w:rsid w:val="00E657D0"/>
    <w:rsid w:val="00E65A9F"/>
    <w:rsid w:val="00E65B20"/>
    <w:rsid w:val="00E661D3"/>
    <w:rsid w:val="00E66F82"/>
    <w:rsid w:val="00E6739D"/>
    <w:rsid w:val="00E67D0A"/>
    <w:rsid w:val="00E7019C"/>
    <w:rsid w:val="00E70765"/>
    <w:rsid w:val="00E70EDD"/>
    <w:rsid w:val="00E717E8"/>
    <w:rsid w:val="00E7181E"/>
    <w:rsid w:val="00E71D24"/>
    <w:rsid w:val="00E72F5D"/>
    <w:rsid w:val="00E74F2C"/>
    <w:rsid w:val="00E76316"/>
    <w:rsid w:val="00E7653D"/>
    <w:rsid w:val="00E76548"/>
    <w:rsid w:val="00E7707A"/>
    <w:rsid w:val="00E775AA"/>
    <w:rsid w:val="00E80878"/>
    <w:rsid w:val="00E80C11"/>
    <w:rsid w:val="00E80C69"/>
    <w:rsid w:val="00E811E9"/>
    <w:rsid w:val="00E815E7"/>
    <w:rsid w:val="00E82FE7"/>
    <w:rsid w:val="00E832AA"/>
    <w:rsid w:val="00E8334C"/>
    <w:rsid w:val="00E837BF"/>
    <w:rsid w:val="00E83D93"/>
    <w:rsid w:val="00E83F04"/>
    <w:rsid w:val="00E846A1"/>
    <w:rsid w:val="00E8485C"/>
    <w:rsid w:val="00E84EEC"/>
    <w:rsid w:val="00E85D8E"/>
    <w:rsid w:val="00E860B6"/>
    <w:rsid w:val="00E872D2"/>
    <w:rsid w:val="00E87E15"/>
    <w:rsid w:val="00E906C9"/>
    <w:rsid w:val="00E90FC8"/>
    <w:rsid w:val="00E91288"/>
    <w:rsid w:val="00E91545"/>
    <w:rsid w:val="00E91A9C"/>
    <w:rsid w:val="00E91D89"/>
    <w:rsid w:val="00E922BF"/>
    <w:rsid w:val="00E92573"/>
    <w:rsid w:val="00E9298F"/>
    <w:rsid w:val="00E937D0"/>
    <w:rsid w:val="00E93AB9"/>
    <w:rsid w:val="00E93CEC"/>
    <w:rsid w:val="00E944A6"/>
    <w:rsid w:val="00E950B2"/>
    <w:rsid w:val="00E95168"/>
    <w:rsid w:val="00E95A0A"/>
    <w:rsid w:val="00E95BB3"/>
    <w:rsid w:val="00E96E8B"/>
    <w:rsid w:val="00E97435"/>
    <w:rsid w:val="00E97CA6"/>
    <w:rsid w:val="00EA003D"/>
    <w:rsid w:val="00EA03D4"/>
    <w:rsid w:val="00EA0A92"/>
    <w:rsid w:val="00EA0AE3"/>
    <w:rsid w:val="00EA0B5C"/>
    <w:rsid w:val="00EA1BA9"/>
    <w:rsid w:val="00EA21EF"/>
    <w:rsid w:val="00EA2B9D"/>
    <w:rsid w:val="00EA310E"/>
    <w:rsid w:val="00EA47CF"/>
    <w:rsid w:val="00EA4EC0"/>
    <w:rsid w:val="00EA5CF4"/>
    <w:rsid w:val="00EA6605"/>
    <w:rsid w:val="00EA6B77"/>
    <w:rsid w:val="00EA6D2A"/>
    <w:rsid w:val="00EA7472"/>
    <w:rsid w:val="00EA7BD6"/>
    <w:rsid w:val="00EB10BF"/>
    <w:rsid w:val="00EB1523"/>
    <w:rsid w:val="00EB2A01"/>
    <w:rsid w:val="00EB328A"/>
    <w:rsid w:val="00EB42D0"/>
    <w:rsid w:val="00EB447D"/>
    <w:rsid w:val="00EB5CB8"/>
    <w:rsid w:val="00EB5CE4"/>
    <w:rsid w:val="00EB5E9C"/>
    <w:rsid w:val="00EB723D"/>
    <w:rsid w:val="00EB796F"/>
    <w:rsid w:val="00EC0159"/>
    <w:rsid w:val="00EC0258"/>
    <w:rsid w:val="00EC0430"/>
    <w:rsid w:val="00EC11C7"/>
    <w:rsid w:val="00EC13D8"/>
    <w:rsid w:val="00EC22B0"/>
    <w:rsid w:val="00EC2B7F"/>
    <w:rsid w:val="00EC30FB"/>
    <w:rsid w:val="00EC3849"/>
    <w:rsid w:val="00EC38BB"/>
    <w:rsid w:val="00EC3C8B"/>
    <w:rsid w:val="00EC4858"/>
    <w:rsid w:val="00EC53DD"/>
    <w:rsid w:val="00EC53F1"/>
    <w:rsid w:val="00EC555D"/>
    <w:rsid w:val="00EC6396"/>
    <w:rsid w:val="00EC7082"/>
    <w:rsid w:val="00EC76C6"/>
    <w:rsid w:val="00EC772D"/>
    <w:rsid w:val="00EC7A75"/>
    <w:rsid w:val="00EC7D33"/>
    <w:rsid w:val="00ED1426"/>
    <w:rsid w:val="00ED1BC7"/>
    <w:rsid w:val="00ED2481"/>
    <w:rsid w:val="00ED2DCF"/>
    <w:rsid w:val="00ED3258"/>
    <w:rsid w:val="00ED39E8"/>
    <w:rsid w:val="00ED3CED"/>
    <w:rsid w:val="00ED4472"/>
    <w:rsid w:val="00ED4565"/>
    <w:rsid w:val="00ED4E19"/>
    <w:rsid w:val="00ED593F"/>
    <w:rsid w:val="00ED6314"/>
    <w:rsid w:val="00ED65B5"/>
    <w:rsid w:val="00ED731F"/>
    <w:rsid w:val="00EE09D3"/>
    <w:rsid w:val="00EE18F3"/>
    <w:rsid w:val="00EE1C28"/>
    <w:rsid w:val="00EE1F04"/>
    <w:rsid w:val="00EE2506"/>
    <w:rsid w:val="00EE2B6B"/>
    <w:rsid w:val="00EE3C1D"/>
    <w:rsid w:val="00EE3D71"/>
    <w:rsid w:val="00EE4CBE"/>
    <w:rsid w:val="00EE4D05"/>
    <w:rsid w:val="00EE52F2"/>
    <w:rsid w:val="00EE5559"/>
    <w:rsid w:val="00EE5A56"/>
    <w:rsid w:val="00EE5AB6"/>
    <w:rsid w:val="00EE5DD6"/>
    <w:rsid w:val="00EE63D8"/>
    <w:rsid w:val="00EE6575"/>
    <w:rsid w:val="00EE72FB"/>
    <w:rsid w:val="00EE742F"/>
    <w:rsid w:val="00EF0394"/>
    <w:rsid w:val="00EF0B13"/>
    <w:rsid w:val="00EF0C02"/>
    <w:rsid w:val="00EF1391"/>
    <w:rsid w:val="00EF1E18"/>
    <w:rsid w:val="00EF21DA"/>
    <w:rsid w:val="00EF2400"/>
    <w:rsid w:val="00EF2C28"/>
    <w:rsid w:val="00EF2EB6"/>
    <w:rsid w:val="00EF2F4B"/>
    <w:rsid w:val="00EF327E"/>
    <w:rsid w:val="00EF340D"/>
    <w:rsid w:val="00EF3472"/>
    <w:rsid w:val="00EF3759"/>
    <w:rsid w:val="00EF45F9"/>
    <w:rsid w:val="00EF4D2E"/>
    <w:rsid w:val="00EF5A8C"/>
    <w:rsid w:val="00EF5ACD"/>
    <w:rsid w:val="00EF5D3E"/>
    <w:rsid w:val="00EF61C7"/>
    <w:rsid w:val="00EF7B92"/>
    <w:rsid w:val="00F00194"/>
    <w:rsid w:val="00F00CA0"/>
    <w:rsid w:val="00F01484"/>
    <w:rsid w:val="00F015E5"/>
    <w:rsid w:val="00F01841"/>
    <w:rsid w:val="00F01881"/>
    <w:rsid w:val="00F01D32"/>
    <w:rsid w:val="00F042FA"/>
    <w:rsid w:val="00F0490B"/>
    <w:rsid w:val="00F06378"/>
    <w:rsid w:val="00F06624"/>
    <w:rsid w:val="00F06D27"/>
    <w:rsid w:val="00F06E50"/>
    <w:rsid w:val="00F0711C"/>
    <w:rsid w:val="00F07315"/>
    <w:rsid w:val="00F103C9"/>
    <w:rsid w:val="00F10827"/>
    <w:rsid w:val="00F1127A"/>
    <w:rsid w:val="00F115EC"/>
    <w:rsid w:val="00F11929"/>
    <w:rsid w:val="00F11D7E"/>
    <w:rsid w:val="00F127AB"/>
    <w:rsid w:val="00F133DF"/>
    <w:rsid w:val="00F141E4"/>
    <w:rsid w:val="00F14AFE"/>
    <w:rsid w:val="00F1517B"/>
    <w:rsid w:val="00F16273"/>
    <w:rsid w:val="00F16D94"/>
    <w:rsid w:val="00F17226"/>
    <w:rsid w:val="00F20310"/>
    <w:rsid w:val="00F2131C"/>
    <w:rsid w:val="00F2152C"/>
    <w:rsid w:val="00F21CFA"/>
    <w:rsid w:val="00F22B70"/>
    <w:rsid w:val="00F232D1"/>
    <w:rsid w:val="00F2388E"/>
    <w:rsid w:val="00F23ED0"/>
    <w:rsid w:val="00F24BFA"/>
    <w:rsid w:val="00F2620B"/>
    <w:rsid w:val="00F26DD9"/>
    <w:rsid w:val="00F27559"/>
    <w:rsid w:val="00F277FE"/>
    <w:rsid w:val="00F30495"/>
    <w:rsid w:val="00F30551"/>
    <w:rsid w:val="00F3070C"/>
    <w:rsid w:val="00F30CD7"/>
    <w:rsid w:val="00F315DA"/>
    <w:rsid w:val="00F3160B"/>
    <w:rsid w:val="00F32328"/>
    <w:rsid w:val="00F32A33"/>
    <w:rsid w:val="00F32BB0"/>
    <w:rsid w:val="00F32C92"/>
    <w:rsid w:val="00F32E99"/>
    <w:rsid w:val="00F33277"/>
    <w:rsid w:val="00F33436"/>
    <w:rsid w:val="00F33D1B"/>
    <w:rsid w:val="00F347A8"/>
    <w:rsid w:val="00F352FF"/>
    <w:rsid w:val="00F35B18"/>
    <w:rsid w:val="00F36111"/>
    <w:rsid w:val="00F362A0"/>
    <w:rsid w:val="00F3684B"/>
    <w:rsid w:val="00F36993"/>
    <w:rsid w:val="00F37CE2"/>
    <w:rsid w:val="00F4151E"/>
    <w:rsid w:val="00F41CC7"/>
    <w:rsid w:val="00F4238A"/>
    <w:rsid w:val="00F42927"/>
    <w:rsid w:val="00F432ED"/>
    <w:rsid w:val="00F446FE"/>
    <w:rsid w:val="00F44BE0"/>
    <w:rsid w:val="00F46E4D"/>
    <w:rsid w:val="00F50868"/>
    <w:rsid w:val="00F50D25"/>
    <w:rsid w:val="00F51013"/>
    <w:rsid w:val="00F51EB2"/>
    <w:rsid w:val="00F52188"/>
    <w:rsid w:val="00F52580"/>
    <w:rsid w:val="00F53DD8"/>
    <w:rsid w:val="00F543F3"/>
    <w:rsid w:val="00F54410"/>
    <w:rsid w:val="00F54889"/>
    <w:rsid w:val="00F549FF"/>
    <w:rsid w:val="00F55616"/>
    <w:rsid w:val="00F55C14"/>
    <w:rsid w:val="00F56F0A"/>
    <w:rsid w:val="00F57025"/>
    <w:rsid w:val="00F570C0"/>
    <w:rsid w:val="00F57667"/>
    <w:rsid w:val="00F578CB"/>
    <w:rsid w:val="00F60278"/>
    <w:rsid w:val="00F605F4"/>
    <w:rsid w:val="00F6074E"/>
    <w:rsid w:val="00F60CEA"/>
    <w:rsid w:val="00F6127C"/>
    <w:rsid w:val="00F6169A"/>
    <w:rsid w:val="00F618E4"/>
    <w:rsid w:val="00F61980"/>
    <w:rsid w:val="00F625F8"/>
    <w:rsid w:val="00F6273D"/>
    <w:rsid w:val="00F62CBA"/>
    <w:rsid w:val="00F6303B"/>
    <w:rsid w:val="00F630C2"/>
    <w:rsid w:val="00F63E34"/>
    <w:rsid w:val="00F6502A"/>
    <w:rsid w:val="00F653A8"/>
    <w:rsid w:val="00F712A5"/>
    <w:rsid w:val="00F7130B"/>
    <w:rsid w:val="00F71676"/>
    <w:rsid w:val="00F72287"/>
    <w:rsid w:val="00F72654"/>
    <w:rsid w:val="00F7298F"/>
    <w:rsid w:val="00F72A9A"/>
    <w:rsid w:val="00F733E1"/>
    <w:rsid w:val="00F734E4"/>
    <w:rsid w:val="00F737C7"/>
    <w:rsid w:val="00F73CB4"/>
    <w:rsid w:val="00F74464"/>
    <w:rsid w:val="00F74623"/>
    <w:rsid w:val="00F751F0"/>
    <w:rsid w:val="00F75488"/>
    <w:rsid w:val="00F7591D"/>
    <w:rsid w:val="00F75939"/>
    <w:rsid w:val="00F764D0"/>
    <w:rsid w:val="00F76523"/>
    <w:rsid w:val="00F767F8"/>
    <w:rsid w:val="00F77268"/>
    <w:rsid w:val="00F77958"/>
    <w:rsid w:val="00F77B13"/>
    <w:rsid w:val="00F800EF"/>
    <w:rsid w:val="00F80474"/>
    <w:rsid w:val="00F8174B"/>
    <w:rsid w:val="00F82487"/>
    <w:rsid w:val="00F828C9"/>
    <w:rsid w:val="00F82B13"/>
    <w:rsid w:val="00F84726"/>
    <w:rsid w:val="00F84CC4"/>
    <w:rsid w:val="00F87685"/>
    <w:rsid w:val="00F90774"/>
    <w:rsid w:val="00F90C73"/>
    <w:rsid w:val="00F90E99"/>
    <w:rsid w:val="00F91AE9"/>
    <w:rsid w:val="00F91B2E"/>
    <w:rsid w:val="00F92153"/>
    <w:rsid w:val="00F92AE6"/>
    <w:rsid w:val="00F940CA"/>
    <w:rsid w:val="00F94157"/>
    <w:rsid w:val="00F9561E"/>
    <w:rsid w:val="00F95F00"/>
    <w:rsid w:val="00F972A5"/>
    <w:rsid w:val="00FA0824"/>
    <w:rsid w:val="00FA20BC"/>
    <w:rsid w:val="00FA245A"/>
    <w:rsid w:val="00FA3CE3"/>
    <w:rsid w:val="00FA40A7"/>
    <w:rsid w:val="00FA4835"/>
    <w:rsid w:val="00FA57B8"/>
    <w:rsid w:val="00FA5A7D"/>
    <w:rsid w:val="00FA690F"/>
    <w:rsid w:val="00FA6956"/>
    <w:rsid w:val="00FA75EB"/>
    <w:rsid w:val="00FA7C75"/>
    <w:rsid w:val="00FA7DFE"/>
    <w:rsid w:val="00FA7F1C"/>
    <w:rsid w:val="00FB0C92"/>
    <w:rsid w:val="00FB205D"/>
    <w:rsid w:val="00FB2348"/>
    <w:rsid w:val="00FB2938"/>
    <w:rsid w:val="00FB3218"/>
    <w:rsid w:val="00FB34AC"/>
    <w:rsid w:val="00FB357A"/>
    <w:rsid w:val="00FB3584"/>
    <w:rsid w:val="00FB45E1"/>
    <w:rsid w:val="00FB499C"/>
    <w:rsid w:val="00FB5631"/>
    <w:rsid w:val="00FB5B3F"/>
    <w:rsid w:val="00FB6F49"/>
    <w:rsid w:val="00FB7719"/>
    <w:rsid w:val="00FB77EC"/>
    <w:rsid w:val="00FB7F41"/>
    <w:rsid w:val="00FC07B6"/>
    <w:rsid w:val="00FC0978"/>
    <w:rsid w:val="00FC104F"/>
    <w:rsid w:val="00FC14FE"/>
    <w:rsid w:val="00FC2238"/>
    <w:rsid w:val="00FC2473"/>
    <w:rsid w:val="00FC2F72"/>
    <w:rsid w:val="00FC3492"/>
    <w:rsid w:val="00FC3C40"/>
    <w:rsid w:val="00FC3CD3"/>
    <w:rsid w:val="00FC4056"/>
    <w:rsid w:val="00FC44F1"/>
    <w:rsid w:val="00FC4ADE"/>
    <w:rsid w:val="00FC4BD7"/>
    <w:rsid w:val="00FC62D4"/>
    <w:rsid w:val="00FC6446"/>
    <w:rsid w:val="00FC6FA7"/>
    <w:rsid w:val="00FC7204"/>
    <w:rsid w:val="00FC74EE"/>
    <w:rsid w:val="00FC74FC"/>
    <w:rsid w:val="00FC754F"/>
    <w:rsid w:val="00FC7941"/>
    <w:rsid w:val="00FC7D9F"/>
    <w:rsid w:val="00FC7EF0"/>
    <w:rsid w:val="00FD0017"/>
    <w:rsid w:val="00FD1203"/>
    <w:rsid w:val="00FD1DA6"/>
    <w:rsid w:val="00FD228C"/>
    <w:rsid w:val="00FD274E"/>
    <w:rsid w:val="00FD3046"/>
    <w:rsid w:val="00FD309F"/>
    <w:rsid w:val="00FD4AD9"/>
    <w:rsid w:val="00FD4D10"/>
    <w:rsid w:val="00FD5529"/>
    <w:rsid w:val="00FD6120"/>
    <w:rsid w:val="00FD64CC"/>
    <w:rsid w:val="00FE1E5D"/>
    <w:rsid w:val="00FE26B3"/>
    <w:rsid w:val="00FE2B68"/>
    <w:rsid w:val="00FE2FF2"/>
    <w:rsid w:val="00FE3435"/>
    <w:rsid w:val="00FE394B"/>
    <w:rsid w:val="00FE4706"/>
    <w:rsid w:val="00FE4FA2"/>
    <w:rsid w:val="00FE58CA"/>
    <w:rsid w:val="00FE6E83"/>
    <w:rsid w:val="00FE7B2E"/>
    <w:rsid w:val="00FF03AF"/>
    <w:rsid w:val="00FF0A1F"/>
    <w:rsid w:val="00FF0FB8"/>
    <w:rsid w:val="00FF1661"/>
    <w:rsid w:val="00FF19DC"/>
    <w:rsid w:val="00FF2291"/>
    <w:rsid w:val="00FF331D"/>
    <w:rsid w:val="00FF35DB"/>
    <w:rsid w:val="00FF4813"/>
    <w:rsid w:val="00FF4D9F"/>
    <w:rsid w:val="00FF5524"/>
    <w:rsid w:val="00FF55E0"/>
    <w:rsid w:val="00FF56B4"/>
    <w:rsid w:val="00FF58A7"/>
    <w:rsid w:val="00FF6565"/>
    <w:rsid w:val="00FF694A"/>
    <w:rsid w:val="00FF69E4"/>
    <w:rsid w:val="00FF7030"/>
    <w:rsid w:val="00FF7424"/>
    <w:rsid w:val="00FF7865"/>
    <w:rsid w:val="00FF7E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E4663F"/>
    <w:rPr>
      <w:rFonts w:eastAsiaTheme="minorEastAsia" w:cs="Times New Roman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FontStyle26">
    <w:name w:val="Font Style26"/>
    <w:basedOn w:val="a0"/>
    <w:uiPriority w:val="99"/>
    <w:rsid w:val="00100A5E"/>
    <w:rPr>
      <w:rFonts w:ascii="Arial" w:hAnsi="Arial" w:cs="Arial"/>
      <w:sz w:val="36"/>
      <w:szCs w:val="36"/>
    </w:rPr>
  </w:style>
  <w:style w:type="paragraph" w:customStyle="1" w:styleId="Style6">
    <w:name w:val="Style6"/>
    <w:basedOn w:val="a"/>
    <w:uiPriority w:val="99"/>
    <w:rsid w:val="00100A5E"/>
    <w:pPr>
      <w:widowControl w:val="0"/>
      <w:autoSpaceDE w:val="0"/>
      <w:autoSpaceDN w:val="0"/>
      <w:adjustRightInd w:val="0"/>
      <w:spacing w:after="0" w:line="428" w:lineRule="exact"/>
      <w:jc w:val="both"/>
    </w:pPr>
    <w:rPr>
      <w:rFonts w:ascii="Arial" w:eastAsia="Times New Roman" w:hAnsi="Arial" w:cs="Arial"/>
      <w:sz w:val="24"/>
      <w:szCs w:val="24"/>
    </w:rPr>
  </w:style>
  <w:style w:type="paragraph" w:customStyle="1" w:styleId="Style18">
    <w:name w:val="Style18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character" w:customStyle="1" w:styleId="FontStyle31">
    <w:name w:val="Font Style31"/>
    <w:basedOn w:val="a0"/>
    <w:uiPriority w:val="99"/>
    <w:rsid w:val="00100A5E"/>
    <w:rPr>
      <w:rFonts w:ascii="Book Antiqua" w:hAnsi="Book Antiqua" w:cs="Book Antiqua"/>
      <w:b/>
      <w:bCs/>
      <w:sz w:val="12"/>
      <w:szCs w:val="12"/>
    </w:rPr>
  </w:style>
  <w:style w:type="paragraph" w:customStyle="1" w:styleId="Style9">
    <w:name w:val="Style9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3">
    <w:name w:val="Style13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4">
    <w:name w:val="Style14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7">
    <w:name w:val="Style17"/>
    <w:basedOn w:val="a"/>
    <w:uiPriority w:val="99"/>
    <w:rsid w:val="00100A5E"/>
    <w:pPr>
      <w:widowControl w:val="0"/>
      <w:autoSpaceDE w:val="0"/>
      <w:autoSpaceDN w:val="0"/>
      <w:adjustRightInd w:val="0"/>
      <w:spacing w:after="0" w:line="432" w:lineRule="exact"/>
      <w:jc w:val="center"/>
    </w:pPr>
    <w:rPr>
      <w:rFonts w:ascii="Arial" w:eastAsia="Times New Roman" w:hAnsi="Arial" w:cs="Arial"/>
      <w:sz w:val="24"/>
      <w:szCs w:val="24"/>
    </w:rPr>
  </w:style>
  <w:style w:type="paragraph" w:customStyle="1" w:styleId="Style19">
    <w:name w:val="Style19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21">
    <w:name w:val="Style21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character" w:customStyle="1" w:styleId="FontStyle33">
    <w:name w:val="Font Style33"/>
    <w:basedOn w:val="a0"/>
    <w:uiPriority w:val="99"/>
    <w:rsid w:val="00100A5E"/>
    <w:rPr>
      <w:rFonts w:ascii="Arial" w:hAnsi="Arial" w:cs="Arial"/>
      <w:b/>
      <w:bCs/>
      <w:sz w:val="10"/>
      <w:szCs w:val="10"/>
    </w:rPr>
  </w:style>
  <w:style w:type="character" w:customStyle="1" w:styleId="FontStyle34">
    <w:name w:val="Font Style34"/>
    <w:basedOn w:val="a0"/>
    <w:uiPriority w:val="99"/>
    <w:rsid w:val="00100A5E"/>
    <w:rPr>
      <w:rFonts w:ascii="Arial" w:hAnsi="Arial" w:cs="Arial"/>
      <w:b/>
      <w:bCs/>
      <w:sz w:val="18"/>
      <w:szCs w:val="18"/>
    </w:rPr>
  </w:style>
  <w:style w:type="character" w:customStyle="1" w:styleId="FontStyle35">
    <w:name w:val="Font Style35"/>
    <w:basedOn w:val="a0"/>
    <w:uiPriority w:val="99"/>
    <w:rsid w:val="00100A5E"/>
    <w:rPr>
      <w:rFonts w:ascii="Arial" w:hAnsi="Arial" w:cs="Arial"/>
      <w:b/>
      <w:bCs/>
      <w:sz w:val="22"/>
      <w:szCs w:val="22"/>
    </w:rPr>
  </w:style>
  <w:style w:type="character" w:customStyle="1" w:styleId="FontStyle36">
    <w:name w:val="Font Style36"/>
    <w:basedOn w:val="a0"/>
    <w:uiPriority w:val="99"/>
    <w:rsid w:val="00100A5E"/>
    <w:rPr>
      <w:rFonts w:ascii="Arial" w:hAnsi="Arial" w:cs="Arial"/>
      <w:sz w:val="8"/>
      <w:szCs w:val="8"/>
    </w:rPr>
  </w:style>
  <w:style w:type="paragraph" w:styleId="a3">
    <w:name w:val="Plain Text"/>
    <w:basedOn w:val="a"/>
    <w:link w:val="a4"/>
    <w:uiPriority w:val="99"/>
    <w:unhideWhenUsed/>
    <w:rsid w:val="00E4663F"/>
    <w:pPr>
      <w:spacing w:after="0" w:line="240" w:lineRule="auto"/>
    </w:pPr>
    <w:rPr>
      <w:rFonts w:ascii="Consolas" w:hAnsi="Consolas" w:cs="Consolas"/>
      <w:sz w:val="21"/>
      <w:szCs w:val="21"/>
      <w:lang w:eastAsia="en-US"/>
    </w:rPr>
  </w:style>
  <w:style w:type="character" w:customStyle="1" w:styleId="a4">
    <w:name w:val="Текст Знак"/>
    <w:basedOn w:val="a0"/>
    <w:link w:val="a3"/>
    <w:uiPriority w:val="99"/>
    <w:rsid w:val="00E4663F"/>
    <w:rPr>
      <w:rFonts w:ascii="Consolas" w:eastAsiaTheme="minorEastAsia" w:hAnsi="Consolas" w:cs="Consolas"/>
      <w:sz w:val="21"/>
      <w:szCs w:val="21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microsoft.com/office/2007/relationships/stylesWithEffects" Target="stylesWithEffect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1</TotalTime>
  <Pages>43</Pages>
  <Words>22835</Words>
  <Characters>130163</Characters>
  <Application>Microsoft Office Word</Application>
  <DocSecurity>0</DocSecurity>
  <Lines>1084</Lines>
  <Paragraphs>305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Three Channel</Company>
  <LinksUpToDate>false</LinksUpToDate>
  <CharactersWithSpaces>15269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</dc:creator>
  <cp:keywords/>
  <dc:description/>
  <cp:lastModifiedBy>User</cp:lastModifiedBy>
  <cp:revision>135</cp:revision>
  <dcterms:created xsi:type="dcterms:W3CDTF">2013-05-13T10:34:00Z</dcterms:created>
  <dcterms:modified xsi:type="dcterms:W3CDTF">2016-06-02T05:40:00Z</dcterms:modified>
</cp:coreProperties>
</file>